
<file path=[Content_Types].xml><?xml version="1.0" encoding="utf-8"?>
<Types xmlns="http://schemas.openxmlformats.org/package/2006/content-types">
  <Default Extension="png" ContentType="image/png"/>
  <Default Extension="bin" ContentType="image/jpeg"/>
  <Default Extension="emf" ContentType="image/x-emf"/>
  <Default Extension="jpeg" ContentType="image/jpeg"/>
  <Default Extension="rels" ContentType="application/vnd.openxmlformats-package.relationships+xml"/>
  <Default Extension="xml" ContentType="application/xml"/>
  <Default Extension="wdp" ContentType="image/vnd.ms-photo"/>
  <Default Extension="mp4" ContentType="video/mp4"/>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tags/tag1.xml" ContentType="application/vnd.openxmlformats-officedocument.presentationml.tags+xml"/>
  <Override PartName="/ppt/notesSlides/notesSlide2.xml" ContentType="application/vnd.openxmlformats-officedocument.presentationml.notesSlide+xml"/>
  <Override PartName="/ppt/media/image4.bin" ContentType="image/png"/>
  <Override PartName="/ppt/media/image5.bin" ContentType="image/png"/>
  <Override PartName="/ppt/media/image6.bin" ContentType="image/png"/>
  <Override PartName="/ppt/media/image7.bin" ContentType="image/png"/>
  <Override PartName="/ppt/media/image8.bin" ContentType="image/png"/>
  <Override PartName="/ppt/media/image9.bin" ContentType="image/png"/>
  <Override PartName="/ppt/media/image10.bin" ContentType="image/png"/>
  <Override PartName="/ppt/media/image11.bin" ContentType="image/png"/>
  <Override PartName="/ppt/media/image12.bin" ContentType="image/png"/>
  <Override PartName="/ppt/media/image13.bin" ContentType="image/png"/>
  <Override PartName="/ppt/media/image14.bin" ContentType="image/png"/>
  <Override PartName="/ppt/media/image15.bin" ContentType="image/png"/>
  <Override PartName="/ppt/tags/tag2.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7.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heme/themeOverride1.xml" ContentType="application/vnd.openxmlformats-officedocument.themeOverr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autoCompressPictures="0">
  <p:sldMasterIdLst>
    <p:sldMasterId id="2147483672" r:id="rId11"/>
  </p:sldMasterIdLst>
  <p:notesMasterIdLst>
    <p:notesMasterId r:id="rId30"/>
  </p:notesMasterIdLst>
  <p:sldIdLst>
    <p:sldId id="293" r:id="rId12"/>
    <p:sldId id="281" r:id="rId13"/>
    <p:sldId id="265" r:id="rId14"/>
    <p:sldId id="264" r:id="rId15"/>
    <p:sldId id="3652" r:id="rId16"/>
    <p:sldId id="3649" r:id="rId17"/>
    <p:sldId id="3658" r:id="rId18"/>
    <p:sldId id="3655" r:id="rId19"/>
    <p:sldId id="3656" r:id="rId20"/>
    <p:sldId id="3657" r:id="rId21"/>
    <p:sldId id="3653" r:id="rId22"/>
    <p:sldId id="268" r:id="rId23"/>
    <p:sldId id="656" r:id="rId24"/>
    <p:sldId id="539" r:id="rId25"/>
    <p:sldId id="552" r:id="rId26"/>
    <p:sldId id="3654" r:id="rId27"/>
    <p:sldId id="3660" r:id="rId28"/>
    <p:sldId id="3661" r:id="rId29"/>
  </p:sldIdLst>
  <p:sldSz cx="12188825" cy="6858000"/>
  <p:notesSz cx="6858000" cy="9144000"/>
  <p:defaultTextStyle>
    <a:defPPr>
      <a:defRPr lang="da-DK"/>
    </a:defPPr>
    <a:lvl1pPr marL="0" algn="l" defTabSz="967527" rtl="0" eaLnBrk="1" latinLnBrk="0" hangingPunct="1">
      <a:defRPr sz="1905" kern="1200">
        <a:solidFill>
          <a:schemeClr val="tx1"/>
        </a:solidFill>
        <a:latin typeface="+mn-lt"/>
        <a:ea typeface="+mn-ea"/>
        <a:cs typeface="+mn-cs"/>
      </a:defRPr>
    </a:lvl1pPr>
    <a:lvl2pPr marL="483763" algn="l" defTabSz="967527" rtl="0" eaLnBrk="1" latinLnBrk="0" hangingPunct="1">
      <a:defRPr sz="1905" kern="1200">
        <a:solidFill>
          <a:schemeClr val="tx1"/>
        </a:solidFill>
        <a:latin typeface="+mn-lt"/>
        <a:ea typeface="+mn-ea"/>
        <a:cs typeface="+mn-cs"/>
      </a:defRPr>
    </a:lvl2pPr>
    <a:lvl3pPr marL="967527" algn="l" defTabSz="967527" rtl="0" eaLnBrk="1" latinLnBrk="0" hangingPunct="1">
      <a:defRPr sz="1905" kern="1200">
        <a:solidFill>
          <a:schemeClr val="tx1"/>
        </a:solidFill>
        <a:latin typeface="+mn-lt"/>
        <a:ea typeface="+mn-ea"/>
        <a:cs typeface="+mn-cs"/>
      </a:defRPr>
    </a:lvl3pPr>
    <a:lvl4pPr marL="1451290" algn="l" defTabSz="967527" rtl="0" eaLnBrk="1" latinLnBrk="0" hangingPunct="1">
      <a:defRPr sz="1905" kern="1200">
        <a:solidFill>
          <a:schemeClr val="tx1"/>
        </a:solidFill>
        <a:latin typeface="+mn-lt"/>
        <a:ea typeface="+mn-ea"/>
        <a:cs typeface="+mn-cs"/>
      </a:defRPr>
    </a:lvl4pPr>
    <a:lvl5pPr marL="1935053" algn="l" defTabSz="967527" rtl="0" eaLnBrk="1" latinLnBrk="0" hangingPunct="1">
      <a:defRPr sz="1905" kern="1200">
        <a:solidFill>
          <a:schemeClr val="tx1"/>
        </a:solidFill>
        <a:latin typeface="+mn-lt"/>
        <a:ea typeface="+mn-ea"/>
        <a:cs typeface="+mn-cs"/>
      </a:defRPr>
    </a:lvl5pPr>
    <a:lvl6pPr marL="2418817" algn="l" defTabSz="967527" rtl="0" eaLnBrk="1" latinLnBrk="0" hangingPunct="1">
      <a:defRPr sz="1905" kern="1200">
        <a:solidFill>
          <a:schemeClr val="tx1"/>
        </a:solidFill>
        <a:latin typeface="+mn-lt"/>
        <a:ea typeface="+mn-ea"/>
        <a:cs typeface="+mn-cs"/>
      </a:defRPr>
    </a:lvl6pPr>
    <a:lvl7pPr marL="2902580" algn="l" defTabSz="967527" rtl="0" eaLnBrk="1" latinLnBrk="0" hangingPunct="1">
      <a:defRPr sz="1905" kern="1200">
        <a:solidFill>
          <a:schemeClr val="tx1"/>
        </a:solidFill>
        <a:latin typeface="+mn-lt"/>
        <a:ea typeface="+mn-ea"/>
        <a:cs typeface="+mn-cs"/>
      </a:defRPr>
    </a:lvl7pPr>
    <a:lvl8pPr marL="3386343" algn="l" defTabSz="967527" rtl="0" eaLnBrk="1" latinLnBrk="0" hangingPunct="1">
      <a:defRPr sz="1905" kern="1200">
        <a:solidFill>
          <a:schemeClr val="tx1"/>
        </a:solidFill>
        <a:latin typeface="+mn-lt"/>
        <a:ea typeface="+mn-ea"/>
        <a:cs typeface="+mn-cs"/>
      </a:defRPr>
    </a:lvl8pPr>
    <a:lvl9pPr marL="3870107" algn="l" defTabSz="967527" rtl="0" eaLnBrk="1" latinLnBrk="0" hangingPunct="1">
      <a:defRPr sz="1905"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D1A3B"/>
    <a:srgbClr val="2552A3"/>
    <a:srgbClr val="FFFFFF"/>
    <a:srgbClr val="000000"/>
    <a:srgbClr val="2855A2"/>
    <a:srgbClr val="266046"/>
    <a:srgbClr val="D9D9D9"/>
    <a:srgbClr val="1D0B38"/>
    <a:srgbClr val="56C39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003AAA74-331A-4476-BB26-D44FBE49E604}" v="12" dt="2022-03-07T16:09:55.526"/>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7668" autoAdjust="0"/>
    <p:restoredTop sz="90364" autoAdjust="0"/>
  </p:normalViewPr>
  <p:slideViewPr>
    <p:cSldViewPr snapToGrid="0" snapToObjects="1">
      <p:cViewPr varScale="1">
        <p:scale>
          <a:sx n="59" d="100"/>
          <a:sy n="59" d="100"/>
        </p:scale>
        <p:origin x="1172" y="52"/>
      </p:cViewPr>
      <p:guideLst/>
    </p:cSldViewPr>
  </p:slideViewPr>
  <p:notesTextViewPr>
    <p:cViewPr>
      <p:scale>
        <a:sx n="3" d="2"/>
        <a:sy n="3" d="2"/>
      </p:scale>
      <p:origin x="0" y="0"/>
    </p:cViewPr>
  </p:notesTextViewPr>
  <p:sorterViewPr>
    <p:cViewPr>
      <p:scale>
        <a:sx n="66" d="100"/>
        <a:sy n="66" d="100"/>
      </p:scale>
      <p:origin x="0" y="0"/>
    </p:cViewPr>
  </p:sorterViewPr>
  <p:notesViewPr>
    <p:cSldViewPr snapToGrid="0" snapToObjects="1">
      <p:cViewPr varScale="1">
        <p:scale>
          <a:sx n="119" d="100"/>
          <a:sy n="119" d="100"/>
        </p:scale>
        <p:origin x="2760" y="20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 Target="slides/slide2.xml"/><Relationship Id="rId18" Type="http://schemas.openxmlformats.org/officeDocument/2006/relationships/slide" Target="slides/slide7.xml"/><Relationship Id="rId26" Type="http://schemas.openxmlformats.org/officeDocument/2006/relationships/slide" Target="slides/slide15.xml"/><Relationship Id="rId3" Type="http://schemas.openxmlformats.org/officeDocument/2006/relationships/customXml" Target="../customXml/item3.xml"/><Relationship Id="rId21" Type="http://schemas.openxmlformats.org/officeDocument/2006/relationships/slide" Target="slides/slide10.xml"/><Relationship Id="rId34" Type="http://schemas.openxmlformats.org/officeDocument/2006/relationships/tableStyles" Target="tableStyles.xml"/><Relationship Id="rId7" Type="http://schemas.openxmlformats.org/officeDocument/2006/relationships/customXml" Target="../customXml/item7.xml"/><Relationship Id="rId12" Type="http://schemas.openxmlformats.org/officeDocument/2006/relationships/slide" Target="slides/slide1.xml"/><Relationship Id="rId17" Type="http://schemas.openxmlformats.org/officeDocument/2006/relationships/slide" Target="slides/slide6.xml"/><Relationship Id="rId25" Type="http://schemas.openxmlformats.org/officeDocument/2006/relationships/slide" Target="slides/slide14.xml"/><Relationship Id="rId33" Type="http://schemas.openxmlformats.org/officeDocument/2006/relationships/theme" Target="theme/theme1.xml"/><Relationship Id="rId2" Type="http://schemas.openxmlformats.org/officeDocument/2006/relationships/customXml" Target="../customXml/item2.xml"/><Relationship Id="rId16" Type="http://schemas.openxmlformats.org/officeDocument/2006/relationships/slide" Target="slides/slide5.xml"/><Relationship Id="rId20" Type="http://schemas.openxmlformats.org/officeDocument/2006/relationships/slide" Target="slides/slide9.xml"/><Relationship Id="rId29" Type="http://schemas.openxmlformats.org/officeDocument/2006/relationships/slide" Target="slides/slide18.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Master" Target="slideMasters/slideMaster1.xml"/><Relationship Id="rId24" Type="http://schemas.openxmlformats.org/officeDocument/2006/relationships/slide" Target="slides/slide13.xml"/><Relationship Id="rId32" Type="http://schemas.openxmlformats.org/officeDocument/2006/relationships/viewProps" Target="viewProps.xml"/><Relationship Id="rId5" Type="http://schemas.openxmlformats.org/officeDocument/2006/relationships/customXml" Target="../customXml/item5.xml"/><Relationship Id="rId15" Type="http://schemas.openxmlformats.org/officeDocument/2006/relationships/slide" Target="slides/slide4.xml"/><Relationship Id="rId23" Type="http://schemas.openxmlformats.org/officeDocument/2006/relationships/slide" Target="slides/slide12.xml"/><Relationship Id="rId28" Type="http://schemas.openxmlformats.org/officeDocument/2006/relationships/slide" Target="slides/slide17.xml"/><Relationship Id="rId10" Type="http://schemas.openxmlformats.org/officeDocument/2006/relationships/customXml" Target="../customXml/item10.xml"/><Relationship Id="rId19" Type="http://schemas.openxmlformats.org/officeDocument/2006/relationships/slide" Target="slides/slide8.xml"/><Relationship Id="rId31" Type="http://schemas.openxmlformats.org/officeDocument/2006/relationships/presProps" Target="presProps.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3.xml"/><Relationship Id="rId22" Type="http://schemas.openxmlformats.org/officeDocument/2006/relationships/slide" Target="slides/slide11.xml"/><Relationship Id="rId27" Type="http://schemas.openxmlformats.org/officeDocument/2006/relationships/slide" Target="slides/slide16.xml"/><Relationship Id="rId30" Type="http://schemas.openxmlformats.org/officeDocument/2006/relationships/notesMaster" Target="notesMasters/notesMaster1.xml"/><Relationship Id="rId35" Type="http://schemas.microsoft.com/office/2015/10/relationships/revisionInfo" Target="revisionInfo.xml"/></Relationships>
</file>

<file path=ppt/charts/_rels/chart1.xml.rels><?xml version="1.0" encoding="UTF-8" standalone="yes"?>
<Relationships xmlns="http://schemas.openxmlformats.org/package/2006/relationships"><Relationship Id="rId3" Type="http://schemas.openxmlformats.org/officeDocument/2006/relationships/themeOverride" Target="../theme/themeOverride1.xml"/><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oleObject" Target="file:///\\10.15.0.10\HBS%20Home\HBS%20Drift\Kunder\Digital%20Dogme\Barometer\Opgave\Barometer%202021\Data\Figurer%20og%20tabeller%20-%20Profiler.xlsx" TargetMode="Externa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0.11001668081974955"/>
          <c:y val="5.7072662867608627E-2"/>
          <c:w val="0.85864087776784381"/>
          <c:h val="0.82645709950385871"/>
        </c:manualLayout>
      </c:layout>
      <c:bubbleChart>
        <c:varyColors val="0"/>
        <c:ser>
          <c:idx val="9"/>
          <c:order val="0"/>
          <c:tx>
            <c:strRef>
              <c:f>figurer!$F$60</c:f>
              <c:strCache>
                <c:ptCount val="1"/>
                <c:pt idx="0">
                  <c:v>Softwareudvikling</c:v>
                </c:pt>
              </c:strCache>
            </c:strRef>
          </c:tx>
          <c:spPr>
            <a:solidFill>
              <a:srgbClr val="F38F2E"/>
            </a:solidFill>
            <a:ln w="3175">
              <a:noFill/>
            </a:ln>
            <a:effectLst>
              <a:outerShdw blurRad="50800" dist="12700" dir="2700000" algn="tl" rotWithShape="0">
                <a:prstClr val="black">
                  <a:alpha val="40000"/>
                </a:prstClr>
              </a:outerShdw>
            </a:effectLst>
          </c:spPr>
          <c:invertIfNegative val="0"/>
          <c:dLbls>
            <c:dLbl>
              <c:idx val="0"/>
              <c:layout>
                <c:manualLayout>
                  <c:x val="-0.17555381324208238"/>
                  <c:y val="-0.11094667174172766"/>
                </c:manualLayout>
              </c:layout>
              <c:spPr>
                <a:solidFill>
                  <a:srgbClr val="FFFFFF"/>
                </a:solidFill>
                <a:ln>
                  <a:noFill/>
                </a:ln>
                <a:effectLst>
                  <a:outerShdw blurRad="63500" sx="102000" sy="102000" algn="ctr" rotWithShape="0">
                    <a:prstClr val="black">
                      <a:alpha val="40000"/>
                    </a:prstClr>
                  </a:outerShdw>
                </a:effectLst>
              </c:spPr>
              <c:txPr>
                <a:bodyPr rot="0" spcFirstLastPara="1" vertOverflow="ellipsis" vert="horz" wrap="square" lIns="38100" tIns="19050" rIns="38100" bIns="19050" anchor="ctr" anchorCtr="1">
                  <a:noAutofit/>
                </a:bodyPr>
                <a:lstStyle/>
                <a:p>
                  <a:pPr>
                    <a:defRPr sz="1200" b="0" i="0" u="none" strike="noStrike" kern="1200" baseline="0">
                      <a:solidFill>
                        <a:sysClr val="windowText" lastClr="000000"/>
                      </a:solidFill>
                      <a:latin typeface="Segoe UI Semilight" panose="020B0402040204020203" pitchFamily="34" charset="0"/>
                      <a:ea typeface="+mn-ea"/>
                      <a:cs typeface="Segoe UI Semilight" panose="020B0402040204020203" pitchFamily="34" charset="0"/>
                    </a:defRPr>
                  </a:pPr>
                  <a:endParaRPr lang="da-DK"/>
                </a:p>
              </c:txPr>
              <c:dLblPos val="r"/>
              <c:showLegendKey val="0"/>
              <c:showVal val="0"/>
              <c:showCatName val="0"/>
              <c:showSerName val="1"/>
              <c:showPercent val="0"/>
              <c:showBubbleSize val="0"/>
              <c:extLst>
                <c:ext xmlns:c15="http://schemas.microsoft.com/office/drawing/2012/chart" uri="{CE6537A1-D6FC-4f65-9D91-7224C49458BB}">
                  <c15:layout>
                    <c:manualLayout>
                      <c:w val="0.13735503612633532"/>
                      <c:h val="7.5806440565523575E-2"/>
                    </c:manualLayout>
                  </c15:layout>
                </c:ext>
                <c:ext xmlns:c16="http://schemas.microsoft.com/office/drawing/2014/chart" uri="{C3380CC4-5D6E-409C-BE32-E72D297353CC}">
                  <c16:uniqueId val="{00000000-AFBB-4A26-B7D8-10B6F74B7744}"/>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ysClr val="windowText" lastClr="000000"/>
                    </a:solidFill>
                    <a:latin typeface="Segoe UI Semilight" panose="020B0402040204020203" pitchFamily="34" charset="0"/>
                    <a:ea typeface="+mn-ea"/>
                    <a:cs typeface="Segoe UI Semilight" panose="020B0402040204020203" pitchFamily="34" charset="0"/>
                  </a:defRPr>
                </a:pPr>
                <a:endParaRPr lang="da-DK"/>
              </a:p>
            </c:txPr>
            <c:dLblPos val="t"/>
            <c:showLegendKey val="0"/>
            <c:showVal val="0"/>
            <c:showCatName val="0"/>
            <c:showSerName val="1"/>
            <c:showPercent val="0"/>
            <c:showBubbleSize val="0"/>
            <c:showLeaderLines val="0"/>
            <c:extLst>
              <c:ext xmlns:c15="http://schemas.microsoft.com/office/drawing/2012/chart" uri="{CE6537A1-D6FC-4f65-9D91-7224C49458BB}">
                <c15:showLeaderLines val="0"/>
              </c:ext>
            </c:extLst>
          </c:dLbls>
          <c:xVal>
            <c:numRef>
              <c:f>figurer!$J$60</c:f>
              <c:numCache>
                <c:formatCode>0</c:formatCode>
                <c:ptCount val="1"/>
                <c:pt idx="0">
                  <c:v>4</c:v>
                </c:pt>
              </c:numCache>
            </c:numRef>
          </c:xVal>
          <c:yVal>
            <c:numRef>
              <c:f>figurer!$I$60</c:f>
              <c:numCache>
                <c:formatCode>0%</c:formatCode>
                <c:ptCount val="1"/>
                <c:pt idx="0">
                  <c:v>0.3903003882569307</c:v>
                </c:pt>
              </c:numCache>
            </c:numRef>
          </c:yVal>
          <c:bubbleSize>
            <c:numRef>
              <c:f>figurer!$G$60</c:f>
              <c:numCache>
                <c:formatCode>#,##0</c:formatCode>
                <c:ptCount val="1"/>
                <c:pt idx="0">
                  <c:v>5903</c:v>
                </c:pt>
              </c:numCache>
            </c:numRef>
          </c:bubbleSize>
          <c:bubble3D val="0"/>
          <c:extLst>
            <c:ext xmlns:c16="http://schemas.microsoft.com/office/drawing/2014/chart" uri="{C3380CC4-5D6E-409C-BE32-E72D297353CC}">
              <c16:uniqueId val="{00000001-AFBB-4A26-B7D8-10B6F74B7744}"/>
            </c:ext>
          </c:extLst>
        </c:ser>
        <c:ser>
          <c:idx val="0"/>
          <c:order val="1"/>
          <c:tx>
            <c:strRef>
              <c:f>figurer!$F$51</c:f>
              <c:strCache>
                <c:ptCount val="1"/>
                <c:pt idx="0">
                  <c:v>Digital administration</c:v>
                </c:pt>
              </c:strCache>
            </c:strRef>
          </c:tx>
          <c:spPr>
            <a:solidFill>
              <a:srgbClr val="30479E"/>
            </a:solidFill>
            <a:ln w="3175">
              <a:noFill/>
            </a:ln>
            <a:effectLst>
              <a:outerShdw blurRad="50800" dist="12700" dir="2700000" algn="tl" rotWithShape="0">
                <a:prstClr val="black">
                  <a:alpha val="40000"/>
                </a:prstClr>
              </a:outerShdw>
            </a:effectLst>
          </c:spPr>
          <c:invertIfNegative val="0"/>
          <c:dLbls>
            <c:dLbl>
              <c:idx val="0"/>
              <c:layout>
                <c:manualLayout>
                  <c:x val="-4.1398290890017238E-2"/>
                  <c:y val="0.11824321349209521"/>
                </c:manualLayout>
              </c:layout>
              <c:spPr>
                <a:solidFill>
                  <a:srgbClr val="FFFFFF"/>
                </a:solidFill>
                <a:ln>
                  <a:noFill/>
                </a:ln>
                <a:effectLst>
                  <a:outerShdw blurRad="63500" sx="102000" sy="102000" algn="ctr" rotWithShape="0">
                    <a:prstClr val="black">
                      <a:alpha val="40000"/>
                    </a:prstClr>
                  </a:outerShdw>
                </a:effectLst>
              </c:spPr>
              <c:txPr>
                <a:bodyPr rot="0" spcFirstLastPara="1" vertOverflow="ellipsis" vert="horz" wrap="square" lIns="38100" tIns="19050" rIns="38100" bIns="19050" anchor="ctr" anchorCtr="1">
                  <a:noAutofit/>
                </a:bodyPr>
                <a:lstStyle/>
                <a:p>
                  <a:pPr>
                    <a:defRPr sz="1200" b="0" i="0" u="none" strike="noStrike" kern="1200" baseline="0">
                      <a:solidFill>
                        <a:sysClr val="windowText" lastClr="000000"/>
                      </a:solidFill>
                      <a:latin typeface="Segoe UI Semilight" panose="020B0402040204020203" pitchFamily="34" charset="0"/>
                      <a:ea typeface="+mn-ea"/>
                      <a:cs typeface="Segoe UI Semilight" panose="020B0402040204020203" pitchFamily="34" charset="0"/>
                    </a:defRPr>
                  </a:pPr>
                  <a:endParaRPr lang="da-DK"/>
                </a:p>
              </c:txPr>
              <c:dLblPos val="r"/>
              <c:showLegendKey val="0"/>
              <c:showVal val="0"/>
              <c:showCatName val="0"/>
              <c:showSerName val="1"/>
              <c:showPercent val="0"/>
              <c:showBubbleSize val="0"/>
              <c:extLst>
                <c:ext xmlns:c15="http://schemas.microsoft.com/office/drawing/2012/chart" uri="{CE6537A1-D6FC-4f65-9D91-7224C49458BB}">
                  <c15:layout>
                    <c:manualLayout>
                      <c:w val="0.16567984146652381"/>
                      <c:h val="7.7720351744780536E-2"/>
                    </c:manualLayout>
                  </c15:layout>
                </c:ext>
                <c:ext xmlns:c16="http://schemas.microsoft.com/office/drawing/2014/chart" uri="{C3380CC4-5D6E-409C-BE32-E72D297353CC}">
                  <c16:uniqueId val="{00000002-AFBB-4A26-B7D8-10B6F74B7744}"/>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ysClr val="windowText" lastClr="000000"/>
                    </a:solidFill>
                    <a:latin typeface="Segoe UI Semilight" panose="020B0402040204020203" pitchFamily="34" charset="0"/>
                    <a:ea typeface="+mn-ea"/>
                    <a:cs typeface="Segoe UI Semilight" panose="020B0402040204020203" pitchFamily="34" charset="0"/>
                  </a:defRPr>
                </a:pPr>
                <a:endParaRPr lang="da-DK"/>
              </a:p>
            </c:txPr>
            <c:dLblPos val="t"/>
            <c:showLegendKey val="0"/>
            <c:showVal val="0"/>
            <c:showCatName val="0"/>
            <c:showSerName val="1"/>
            <c:showPercent val="0"/>
            <c:showBubbleSize val="0"/>
            <c:showLeaderLines val="0"/>
            <c:extLst>
              <c:ext xmlns:c15="http://schemas.microsoft.com/office/drawing/2012/chart" uri="{CE6537A1-D6FC-4f65-9D91-7224C49458BB}">
                <c15:showLeaderLines val="0"/>
              </c:ext>
            </c:extLst>
          </c:dLbls>
          <c:xVal>
            <c:numRef>
              <c:f>figurer!$J$51</c:f>
              <c:numCache>
                <c:formatCode>0</c:formatCode>
                <c:ptCount val="1"/>
                <c:pt idx="0">
                  <c:v>3</c:v>
                </c:pt>
              </c:numCache>
            </c:numRef>
          </c:xVal>
          <c:yVal>
            <c:numRef>
              <c:f>figurer!$I$51</c:f>
              <c:numCache>
                <c:formatCode>0%</c:formatCode>
                <c:ptCount val="1"/>
                <c:pt idx="0">
                  <c:v>0.26317765430244799</c:v>
                </c:pt>
              </c:numCache>
            </c:numRef>
          </c:yVal>
          <c:bubbleSize>
            <c:numRef>
              <c:f>figurer!$G$51</c:f>
              <c:numCache>
                <c:formatCode>#,##0</c:formatCode>
                <c:ptCount val="1"/>
                <c:pt idx="0">
                  <c:v>5279</c:v>
                </c:pt>
              </c:numCache>
            </c:numRef>
          </c:bubbleSize>
          <c:bubble3D val="0"/>
          <c:extLst>
            <c:ext xmlns:c16="http://schemas.microsoft.com/office/drawing/2014/chart" uri="{C3380CC4-5D6E-409C-BE32-E72D297353CC}">
              <c16:uniqueId val="{00000003-AFBB-4A26-B7D8-10B6F74B7744}"/>
            </c:ext>
          </c:extLst>
        </c:ser>
        <c:ser>
          <c:idx val="1"/>
          <c:order val="2"/>
          <c:tx>
            <c:strRef>
              <c:f>figurer!$F$52</c:f>
              <c:strCache>
                <c:ptCount val="1"/>
                <c:pt idx="0">
                  <c:v>Digitalt design</c:v>
                </c:pt>
              </c:strCache>
            </c:strRef>
          </c:tx>
          <c:spPr>
            <a:solidFill>
              <a:srgbClr val="30479E"/>
            </a:solidFill>
            <a:ln w="3175">
              <a:noFill/>
            </a:ln>
            <a:effectLst>
              <a:outerShdw blurRad="50800" dist="12700" dir="2700000" algn="tl" rotWithShape="0">
                <a:prstClr val="black">
                  <a:alpha val="40000"/>
                </a:prstClr>
              </a:outerShdw>
            </a:effectLst>
          </c:spPr>
          <c:invertIfNegative val="0"/>
          <c:dLbls>
            <c:dLbl>
              <c:idx val="0"/>
              <c:layout>
                <c:manualLayout>
                  <c:x val="-5.0539284842989092E-2"/>
                  <c:y val="8.9145476819267377E-2"/>
                </c:manualLayout>
              </c:layout>
              <c:spPr>
                <a:solidFill>
                  <a:srgbClr val="FFFFFF"/>
                </a:solidFill>
                <a:ln>
                  <a:noFill/>
                </a:ln>
                <a:effectLst>
                  <a:outerShdw blurRad="63500" sx="102000" sy="102000" algn="ctr" rotWithShape="0">
                    <a:prstClr val="black">
                      <a:alpha val="40000"/>
                    </a:prstClr>
                  </a:outerShdw>
                </a:effectLst>
              </c:spPr>
              <c:txPr>
                <a:bodyPr rot="0" spcFirstLastPara="1" vertOverflow="ellipsis" vert="horz" wrap="square" lIns="38100" tIns="19050" rIns="38100" bIns="19050" anchor="ctr" anchorCtr="1">
                  <a:noAutofit/>
                </a:bodyPr>
                <a:lstStyle/>
                <a:p>
                  <a:pPr>
                    <a:defRPr sz="1200" b="0" i="0" u="none" strike="noStrike" kern="1200" baseline="0">
                      <a:solidFill>
                        <a:sysClr val="windowText" lastClr="000000"/>
                      </a:solidFill>
                      <a:latin typeface="Segoe UI Semilight" panose="020B0402040204020203" pitchFamily="34" charset="0"/>
                      <a:ea typeface="+mn-ea"/>
                      <a:cs typeface="Segoe UI Semilight" panose="020B0402040204020203" pitchFamily="34" charset="0"/>
                    </a:defRPr>
                  </a:pPr>
                  <a:endParaRPr lang="da-DK"/>
                </a:p>
              </c:txPr>
              <c:dLblPos val="r"/>
              <c:showLegendKey val="0"/>
              <c:showVal val="0"/>
              <c:showCatName val="0"/>
              <c:showSerName val="1"/>
              <c:showPercent val="0"/>
              <c:showBubbleSize val="0"/>
              <c:extLst>
                <c:ext xmlns:c15="http://schemas.microsoft.com/office/drawing/2012/chart" uri="{CE6537A1-D6FC-4f65-9D91-7224C49458BB}">
                  <c15:layout>
                    <c:manualLayout>
                      <c:w val="6.0727619552005847E-2"/>
                      <c:h val="0.11333710375140288"/>
                    </c:manualLayout>
                  </c15:layout>
                </c:ext>
                <c:ext xmlns:c16="http://schemas.microsoft.com/office/drawing/2014/chart" uri="{C3380CC4-5D6E-409C-BE32-E72D297353CC}">
                  <c16:uniqueId val="{00000004-AFBB-4A26-B7D8-10B6F74B7744}"/>
                </c:ext>
              </c:extLst>
            </c:dLbl>
            <c:spPr>
              <a:solidFill>
                <a:srgbClr val="FFFFFF"/>
              </a:solidFill>
              <a:ln>
                <a:noFill/>
              </a:ln>
              <a:effectLst>
                <a:outerShdw blurRad="63500" sx="102000" sy="102000" algn="ctr" rotWithShape="0">
                  <a:prstClr val="black">
                    <a:alpha val="40000"/>
                  </a:prstClr>
                </a:outerShdw>
              </a:effectLst>
            </c:spPr>
            <c:txPr>
              <a:bodyPr rot="0" spcFirstLastPara="1" vertOverflow="ellipsis" vert="horz" wrap="square" lIns="38100" tIns="19050" rIns="38100" bIns="19050" anchor="ctr" anchorCtr="1">
                <a:spAutoFit/>
              </a:bodyPr>
              <a:lstStyle/>
              <a:p>
                <a:pPr>
                  <a:defRPr sz="900" b="0" i="0" u="none" strike="noStrike" kern="1200" baseline="0">
                    <a:solidFill>
                      <a:sysClr val="windowText" lastClr="000000"/>
                    </a:solidFill>
                    <a:latin typeface="Segoe UI Semilight" panose="020B0402040204020203" pitchFamily="34" charset="0"/>
                    <a:ea typeface="+mn-ea"/>
                    <a:cs typeface="Segoe UI Semilight" panose="020B0402040204020203" pitchFamily="34" charset="0"/>
                  </a:defRPr>
                </a:pPr>
                <a:endParaRPr lang="da-DK"/>
              </a:p>
            </c:txPr>
            <c:dLblPos val="t"/>
            <c:showLegendKey val="0"/>
            <c:showVal val="0"/>
            <c:showCatName val="0"/>
            <c:showSerName val="1"/>
            <c:showPercent val="0"/>
            <c:showBubbleSize val="0"/>
            <c:showLeaderLines val="0"/>
            <c:extLst>
              <c:ext xmlns:c15="http://schemas.microsoft.com/office/drawing/2012/chart" uri="{CE6537A1-D6FC-4f65-9D91-7224C49458BB}">
                <c15:showLeaderLines val="0"/>
              </c:ext>
            </c:extLst>
          </c:dLbls>
          <c:xVal>
            <c:numRef>
              <c:f>figurer!$J$52</c:f>
              <c:numCache>
                <c:formatCode>0</c:formatCode>
                <c:ptCount val="1"/>
                <c:pt idx="0">
                  <c:v>5</c:v>
                </c:pt>
              </c:numCache>
            </c:numRef>
          </c:xVal>
          <c:yVal>
            <c:numRef>
              <c:f>figurer!$I$52</c:f>
              <c:numCache>
                <c:formatCode>0%</c:formatCode>
                <c:ptCount val="1"/>
                <c:pt idx="0">
                  <c:v>0.42626970227670746</c:v>
                </c:pt>
              </c:numCache>
            </c:numRef>
          </c:yVal>
          <c:bubbleSize>
            <c:numRef>
              <c:f>figurer!$G$52</c:f>
              <c:numCache>
                <c:formatCode>#,##0</c:formatCode>
                <c:ptCount val="1"/>
                <c:pt idx="0">
                  <c:v>1330</c:v>
                </c:pt>
              </c:numCache>
            </c:numRef>
          </c:bubbleSize>
          <c:bubble3D val="0"/>
          <c:extLst>
            <c:ext xmlns:c16="http://schemas.microsoft.com/office/drawing/2014/chart" uri="{C3380CC4-5D6E-409C-BE32-E72D297353CC}">
              <c16:uniqueId val="{00000005-AFBB-4A26-B7D8-10B6F74B7744}"/>
            </c:ext>
          </c:extLst>
        </c:ser>
        <c:ser>
          <c:idx val="2"/>
          <c:order val="3"/>
          <c:tx>
            <c:strRef>
              <c:f>figurer!$F$53</c:f>
              <c:strCache>
                <c:ptCount val="1"/>
                <c:pt idx="0">
                  <c:v>Digital forretningsudvikling</c:v>
                </c:pt>
              </c:strCache>
            </c:strRef>
          </c:tx>
          <c:spPr>
            <a:solidFill>
              <a:srgbClr val="30479E"/>
            </a:solidFill>
            <a:ln w="25400">
              <a:noFill/>
            </a:ln>
            <a:effectLst>
              <a:outerShdw blurRad="50800" dist="12700" dir="2700000" algn="tl" rotWithShape="0">
                <a:prstClr val="black">
                  <a:alpha val="40000"/>
                </a:prstClr>
              </a:outerShdw>
            </a:effectLst>
          </c:spPr>
          <c:invertIfNegative val="0"/>
          <c:dLbls>
            <c:dLbl>
              <c:idx val="0"/>
              <c:layout>
                <c:manualLayout>
                  <c:x val="-0.19365047009804037"/>
                  <c:y val="-0.11685217873738619"/>
                </c:manualLayout>
              </c:layout>
              <c:spPr>
                <a:solidFill>
                  <a:srgbClr val="FFFFFF"/>
                </a:solidFill>
                <a:ln>
                  <a:noFill/>
                </a:ln>
                <a:effectLst>
                  <a:outerShdw blurRad="63500" sx="102000" sy="102000" algn="ctr" rotWithShape="0">
                    <a:prstClr val="black">
                      <a:alpha val="40000"/>
                    </a:prstClr>
                  </a:outerShdw>
                </a:effectLst>
              </c:spPr>
              <c:txPr>
                <a:bodyPr rot="0" spcFirstLastPara="1" vertOverflow="ellipsis" vert="horz" wrap="square" lIns="38100" tIns="19050" rIns="38100" bIns="19050" anchor="ctr" anchorCtr="1">
                  <a:noAutofit/>
                </a:bodyPr>
                <a:lstStyle/>
                <a:p>
                  <a:pPr>
                    <a:defRPr sz="1200" b="0" i="0" u="none" strike="noStrike" kern="1200" baseline="0">
                      <a:solidFill>
                        <a:sysClr val="windowText" lastClr="000000"/>
                      </a:solidFill>
                      <a:latin typeface="Segoe UI Semilight" panose="020B0402040204020203" pitchFamily="34" charset="0"/>
                      <a:ea typeface="+mn-ea"/>
                      <a:cs typeface="Segoe UI Semilight" panose="020B0402040204020203" pitchFamily="34" charset="0"/>
                    </a:defRPr>
                  </a:pPr>
                  <a:endParaRPr lang="da-DK"/>
                </a:p>
              </c:txPr>
              <c:dLblPos val="r"/>
              <c:showLegendKey val="0"/>
              <c:showVal val="0"/>
              <c:showCatName val="0"/>
              <c:showSerName val="1"/>
              <c:showPercent val="0"/>
              <c:showBubbleSize val="0"/>
              <c:extLst>
                <c:ext xmlns:c15="http://schemas.microsoft.com/office/drawing/2012/chart" uri="{CE6537A1-D6FC-4f65-9D91-7224C49458BB}">
                  <c15:layout>
                    <c:manualLayout>
                      <c:w val="0.16337468609067402"/>
                      <c:h val="0.11196649481257662"/>
                    </c:manualLayout>
                  </c15:layout>
                </c:ext>
                <c:ext xmlns:c16="http://schemas.microsoft.com/office/drawing/2014/chart" uri="{C3380CC4-5D6E-409C-BE32-E72D297353CC}">
                  <c16:uniqueId val="{00000006-AFBB-4A26-B7D8-10B6F74B7744}"/>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ysClr val="windowText" lastClr="000000"/>
                    </a:solidFill>
                    <a:latin typeface="Segoe UI Semilight" panose="020B0402040204020203" pitchFamily="34" charset="0"/>
                    <a:ea typeface="+mn-ea"/>
                    <a:cs typeface="Segoe UI Semilight" panose="020B0402040204020203" pitchFamily="34" charset="0"/>
                  </a:defRPr>
                </a:pPr>
                <a:endParaRPr lang="da-DK"/>
              </a:p>
            </c:txPr>
            <c:dLblPos val="t"/>
            <c:showLegendKey val="0"/>
            <c:showVal val="0"/>
            <c:showCatName val="0"/>
            <c:showSerName val="1"/>
            <c:showPercent val="0"/>
            <c:showBubbleSize val="0"/>
            <c:showLeaderLines val="0"/>
            <c:extLst>
              <c:ext xmlns:c15="http://schemas.microsoft.com/office/drawing/2012/chart" uri="{CE6537A1-D6FC-4f65-9D91-7224C49458BB}">
                <c15:showLeaderLines val="0"/>
              </c:ext>
            </c:extLst>
          </c:dLbls>
          <c:xVal>
            <c:numRef>
              <c:f>figurer!$J$53</c:f>
              <c:numCache>
                <c:formatCode>0</c:formatCode>
                <c:ptCount val="1"/>
                <c:pt idx="0">
                  <c:v>8</c:v>
                </c:pt>
              </c:numCache>
            </c:numRef>
          </c:xVal>
          <c:yVal>
            <c:numRef>
              <c:f>figurer!$I$53</c:f>
              <c:numCache>
                <c:formatCode>0%</c:formatCode>
                <c:ptCount val="1"/>
                <c:pt idx="0">
                  <c:v>0.61887640449438219</c:v>
                </c:pt>
              </c:numCache>
            </c:numRef>
          </c:yVal>
          <c:bubbleSize>
            <c:numRef>
              <c:f>figurer!$G$53</c:f>
              <c:numCache>
                <c:formatCode>#,##0</c:formatCode>
                <c:ptCount val="1"/>
                <c:pt idx="0">
                  <c:v>4854</c:v>
                </c:pt>
              </c:numCache>
            </c:numRef>
          </c:bubbleSize>
          <c:bubble3D val="0"/>
          <c:extLst>
            <c:ext xmlns:c16="http://schemas.microsoft.com/office/drawing/2014/chart" uri="{C3380CC4-5D6E-409C-BE32-E72D297353CC}">
              <c16:uniqueId val="{00000007-AFBB-4A26-B7D8-10B6F74B7744}"/>
            </c:ext>
          </c:extLst>
        </c:ser>
        <c:ser>
          <c:idx val="3"/>
          <c:order val="4"/>
          <c:tx>
            <c:strRef>
              <c:f>figurer!$F$54</c:f>
              <c:strCache>
                <c:ptCount val="1"/>
                <c:pt idx="0">
                  <c:v>Digital ledelse</c:v>
                </c:pt>
              </c:strCache>
            </c:strRef>
          </c:tx>
          <c:spPr>
            <a:solidFill>
              <a:srgbClr val="30479E"/>
            </a:solidFill>
            <a:ln w="25400">
              <a:noFill/>
            </a:ln>
            <a:effectLst>
              <a:outerShdw blurRad="50800" dist="12700" dir="2700000" algn="tl" rotWithShape="0">
                <a:prstClr val="black">
                  <a:alpha val="40000"/>
                </a:prstClr>
              </a:outerShdw>
            </a:effectLst>
          </c:spPr>
          <c:invertIfNegative val="0"/>
          <c:dPt>
            <c:idx val="0"/>
            <c:invertIfNegative val="0"/>
            <c:bubble3D val="0"/>
            <c:spPr>
              <a:solidFill>
                <a:srgbClr val="30479E"/>
              </a:solidFill>
              <a:ln w="25400">
                <a:noFill/>
              </a:ln>
              <a:effectLst>
                <a:outerShdw blurRad="50800" dist="12700" dir="2700000" algn="tl" rotWithShape="0">
                  <a:prstClr val="black">
                    <a:alpha val="40000"/>
                  </a:prstClr>
                </a:outerShdw>
              </a:effectLst>
            </c:spPr>
            <c:extLst>
              <c:ext xmlns:c16="http://schemas.microsoft.com/office/drawing/2014/chart" uri="{C3380CC4-5D6E-409C-BE32-E72D297353CC}">
                <c16:uniqueId val="{00000009-AFBB-4A26-B7D8-10B6F74B7744}"/>
              </c:ext>
            </c:extLst>
          </c:dPt>
          <c:dLbls>
            <c:dLbl>
              <c:idx val="0"/>
              <c:layout>
                <c:manualLayout>
                  <c:x val="-0.14349309682015465"/>
                  <c:y val="-8.2587322197553659E-2"/>
                </c:manualLayout>
              </c:layout>
              <c:dLblPos val="r"/>
              <c:showLegendKey val="0"/>
              <c:showVal val="0"/>
              <c:showCatName val="0"/>
              <c:showSerName val="1"/>
              <c:showPercent val="0"/>
              <c:showBubbleSize val="0"/>
              <c:extLst>
                <c:ext xmlns:c15="http://schemas.microsoft.com/office/drawing/2012/chart" uri="{CE6537A1-D6FC-4f65-9D91-7224C49458BB}"/>
                <c:ext xmlns:c16="http://schemas.microsoft.com/office/drawing/2014/chart" uri="{C3380CC4-5D6E-409C-BE32-E72D297353CC}">
                  <c16:uniqueId val="{00000009-AFBB-4A26-B7D8-10B6F74B7744}"/>
                </c:ext>
              </c:extLst>
            </c:dLbl>
            <c:spPr>
              <a:solidFill>
                <a:srgbClr val="FFFFFF"/>
              </a:solidFill>
              <a:ln>
                <a:noFill/>
              </a:ln>
              <a:effectLst>
                <a:outerShdw blurRad="63500" sx="102000" sy="102000" algn="ctr" rotWithShape="0">
                  <a:prstClr val="black">
                    <a:alpha val="40000"/>
                  </a:prstClr>
                </a:outerShdw>
              </a:effectLst>
            </c:spPr>
            <c:txPr>
              <a:bodyPr rot="0" spcFirstLastPara="1" vertOverflow="ellipsis" vert="horz" wrap="square" lIns="38100" tIns="19050" rIns="38100" bIns="19050" anchor="ctr" anchorCtr="1">
                <a:spAutoFit/>
              </a:bodyPr>
              <a:lstStyle/>
              <a:p>
                <a:pPr>
                  <a:defRPr sz="1200" b="0" i="0" u="none" strike="noStrike" kern="1200" baseline="0">
                    <a:solidFill>
                      <a:sysClr val="windowText" lastClr="000000"/>
                    </a:solidFill>
                    <a:latin typeface="Segoe UI Semilight" panose="020B0402040204020203" pitchFamily="34" charset="0"/>
                    <a:ea typeface="+mn-ea"/>
                    <a:cs typeface="Segoe UI Semilight" panose="020B0402040204020203" pitchFamily="34" charset="0"/>
                  </a:defRPr>
                </a:pPr>
                <a:endParaRPr lang="da-DK"/>
              </a:p>
            </c:txPr>
            <c:dLblPos val="t"/>
            <c:showLegendKey val="0"/>
            <c:showVal val="0"/>
            <c:showCatName val="0"/>
            <c:showSerName val="1"/>
            <c:showPercent val="0"/>
            <c:showBubbleSize val="0"/>
            <c:showLeaderLines val="0"/>
            <c:extLst>
              <c:ext xmlns:c15="http://schemas.microsoft.com/office/drawing/2012/chart" uri="{CE6537A1-D6FC-4f65-9D91-7224C49458BB}">
                <c15:showLeaderLines val="0"/>
              </c:ext>
            </c:extLst>
          </c:dLbls>
          <c:xVal>
            <c:numRef>
              <c:f>figurer!$J$54</c:f>
              <c:numCache>
                <c:formatCode>0</c:formatCode>
                <c:ptCount val="1"/>
                <c:pt idx="0">
                  <c:v>6</c:v>
                </c:pt>
              </c:numCache>
            </c:numRef>
          </c:xVal>
          <c:yVal>
            <c:numRef>
              <c:f>figurer!$I$54</c:f>
              <c:numCache>
                <c:formatCode>0%</c:formatCode>
                <c:ptCount val="1"/>
                <c:pt idx="0">
                  <c:v>0.50528759350012886</c:v>
                </c:pt>
              </c:numCache>
            </c:numRef>
          </c:yVal>
          <c:bubbleSize>
            <c:numRef>
              <c:f>figurer!$G$54</c:f>
              <c:numCache>
                <c:formatCode>#,##0</c:formatCode>
                <c:ptCount val="1"/>
                <c:pt idx="0">
                  <c:v>5664</c:v>
                </c:pt>
              </c:numCache>
            </c:numRef>
          </c:bubbleSize>
          <c:bubble3D val="0"/>
          <c:extLst>
            <c:ext xmlns:c16="http://schemas.microsoft.com/office/drawing/2014/chart" uri="{C3380CC4-5D6E-409C-BE32-E72D297353CC}">
              <c16:uniqueId val="{0000000A-AFBB-4A26-B7D8-10B6F74B7744}"/>
            </c:ext>
          </c:extLst>
        </c:ser>
        <c:ser>
          <c:idx val="4"/>
          <c:order val="5"/>
          <c:tx>
            <c:strRef>
              <c:f>figurer!$F$55</c:f>
              <c:strCache>
                <c:ptCount val="1"/>
                <c:pt idx="0">
                  <c:v>Digitalt salg og marketing</c:v>
                </c:pt>
              </c:strCache>
            </c:strRef>
          </c:tx>
          <c:spPr>
            <a:solidFill>
              <a:srgbClr val="30479E"/>
            </a:solidFill>
            <a:ln w="3175">
              <a:noFill/>
            </a:ln>
            <a:effectLst>
              <a:outerShdw blurRad="50800" dist="12700" dir="2700000" algn="tl" rotWithShape="0">
                <a:prstClr val="black">
                  <a:alpha val="40000"/>
                </a:prstClr>
              </a:outerShdw>
            </a:effectLst>
          </c:spPr>
          <c:invertIfNegative val="0"/>
          <c:dLbls>
            <c:dLbl>
              <c:idx val="0"/>
              <c:layout>
                <c:manualLayout>
                  <c:x val="-3.351759991780124E-2"/>
                  <c:y val="0.10623907157695127"/>
                </c:manualLayout>
              </c:layout>
              <c:spPr>
                <a:solidFill>
                  <a:srgbClr val="FFFFFF"/>
                </a:solidFill>
                <a:ln>
                  <a:noFill/>
                </a:ln>
                <a:effectLst>
                  <a:outerShdw blurRad="63500" sx="102000" sy="102000" algn="ctr" rotWithShape="0">
                    <a:prstClr val="black">
                      <a:alpha val="40000"/>
                    </a:prstClr>
                  </a:outerShdw>
                </a:effectLst>
              </c:spPr>
              <c:txPr>
                <a:bodyPr rot="0" spcFirstLastPara="1" vertOverflow="ellipsis" vert="horz" wrap="square" lIns="38100" tIns="19050" rIns="38100" bIns="19050" anchor="ctr" anchorCtr="1">
                  <a:noAutofit/>
                </a:bodyPr>
                <a:lstStyle/>
                <a:p>
                  <a:pPr>
                    <a:defRPr sz="1200" b="0" i="0" u="none" strike="noStrike" kern="1200" baseline="0">
                      <a:solidFill>
                        <a:sysClr val="windowText" lastClr="000000"/>
                      </a:solidFill>
                      <a:latin typeface="Segoe UI Semilight" panose="020B0402040204020203" pitchFamily="34" charset="0"/>
                      <a:ea typeface="+mn-ea"/>
                      <a:cs typeface="Segoe UI Semilight" panose="020B0402040204020203" pitchFamily="34" charset="0"/>
                    </a:defRPr>
                  </a:pPr>
                  <a:endParaRPr lang="da-DK"/>
                </a:p>
              </c:txPr>
              <c:dLblPos val="r"/>
              <c:showLegendKey val="0"/>
              <c:showVal val="0"/>
              <c:showCatName val="0"/>
              <c:showSerName val="1"/>
              <c:showPercent val="0"/>
              <c:showBubbleSize val="0"/>
              <c:extLst>
                <c:ext xmlns:c15="http://schemas.microsoft.com/office/drawing/2012/chart" uri="{CE6537A1-D6FC-4f65-9D91-7224C49458BB}">
                  <c15:layout>
                    <c:manualLayout>
                      <c:w val="0.10737505602700204"/>
                      <c:h val="0.10947943768585043"/>
                    </c:manualLayout>
                  </c15:layout>
                </c:ext>
                <c:ext xmlns:c16="http://schemas.microsoft.com/office/drawing/2014/chart" uri="{C3380CC4-5D6E-409C-BE32-E72D297353CC}">
                  <c16:uniqueId val="{0000000B-AFBB-4A26-B7D8-10B6F74B7744}"/>
                </c:ext>
              </c:extLst>
            </c:dLbl>
            <c:spPr>
              <a:solidFill>
                <a:srgbClr val="FFFFFF"/>
              </a:solid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ysClr val="windowText" lastClr="000000"/>
                    </a:solidFill>
                    <a:latin typeface="Segoe UI Semilight" panose="020B0402040204020203" pitchFamily="34" charset="0"/>
                    <a:ea typeface="+mn-ea"/>
                    <a:cs typeface="Segoe UI Semilight" panose="020B0402040204020203" pitchFamily="34" charset="0"/>
                  </a:defRPr>
                </a:pPr>
                <a:endParaRPr lang="da-DK"/>
              </a:p>
            </c:txPr>
            <c:dLblPos val="t"/>
            <c:showLegendKey val="0"/>
            <c:showVal val="0"/>
            <c:showCatName val="0"/>
            <c:showSerName val="1"/>
            <c:showPercent val="0"/>
            <c:showBubbleSize val="0"/>
            <c:showLeaderLines val="0"/>
            <c:extLst>
              <c:ext xmlns:c15="http://schemas.microsoft.com/office/drawing/2012/chart" uri="{CE6537A1-D6FC-4f65-9D91-7224C49458BB}">
                <c15:showLeaderLines val="0"/>
              </c:ext>
            </c:extLst>
          </c:dLbls>
          <c:xVal>
            <c:numRef>
              <c:f>figurer!$J$55</c:f>
              <c:numCache>
                <c:formatCode>0</c:formatCode>
                <c:ptCount val="1"/>
                <c:pt idx="0">
                  <c:v>7</c:v>
                </c:pt>
              </c:numCache>
            </c:numRef>
          </c:xVal>
          <c:yVal>
            <c:numRef>
              <c:f>figurer!$I$55</c:f>
              <c:numCache>
                <c:formatCode>0%</c:formatCode>
                <c:ptCount val="1"/>
                <c:pt idx="0">
                  <c:v>0.52442635085122147</c:v>
                </c:pt>
              </c:numCache>
            </c:numRef>
          </c:yVal>
          <c:bubbleSize>
            <c:numRef>
              <c:f>figurer!$G$55</c:f>
              <c:numCache>
                <c:formatCode>#,##0</c:formatCode>
                <c:ptCount val="1"/>
                <c:pt idx="0">
                  <c:v>2505</c:v>
                </c:pt>
              </c:numCache>
            </c:numRef>
          </c:bubbleSize>
          <c:bubble3D val="0"/>
          <c:extLst>
            <c:ext xmlns:c16="http://schemas.microsoft.com/office/drawing/2014/chart" uri="{C3380CC4-5D6E-409C-BE32-E72D297353CC}">
              <c16:uniqueId val="{0000000C-AFBB-4A26-B7D8-10B6F74B7744}"/>
            </c:ext>
          </c:extLst>
        </c:ser>
        <c:ser>
          <c:idx val="5"/>
          <c:order val="6"/>
          <c:tx>
            <c:strRef>
              <c:f>figurer!$F$56</c:f>
              <c:strCache>
                <c:ptCount val="1"/>
                <c:pt idx="0">
                  <c:v>Digital fremstilling</c:v>
                </c:pt>
              </c:strCache>
            </c:strRef>
          </c:tx>
          <c:spPr>
            <a:solidFill>
              <a:srgbClr val="30479E"/>
            </a:solidFill>
            <a:ln w="25400">
              <a:noFill/>
            </a:ln>
            <a:effectLst>
              <a:outerShdw blurRad="50800" dist="12700" dir="2700000" algn="tl" rotWithShape="0">
                <a:prstClr val="black">
                  <a:alpha val="40000"/>
                </a:prstClr>
              </a:outerShdw>
            </a:effectLst>
          </c:spPr>
          <c:invertIfNegative val="0"/>
          <c:dLbls>
            <c:dLbl>
              <c:idx val="0"/>
              <c:layout>
                <c:manualLayout>
                  <c:x val="-4.6198391005072857E-2"/>
                  <c:y val="6.9156675548023308E-2"/>
                </c:manualLayout>
              </c:layout>
              <c:dLblPos val="r"/>
              <c:showLegendKey val="0"/>
              <c:showVal val="0"/>
              <c:showCatName val="0"/>
              <c:showSerName val="1"/>
              <c:showPercent val="0"/>
              <c:showBubbleSize val="0"/>
              <c:extLst>
                <c:ext xmlns:c15="http://schemas.microsoft.com/office/drawing/2012/chart" uri="{CE6537A1-D6FC-4f65-9D91-7224C49458BB}"/>
                <c:ext xmlns:c16="http://schemas.microsoft.com/office/drawing/2014/chart" uri="{C3380CC4-5D6E-409C-BE32-E72D297353CC}">
                  <c16:uniqueId val="{0000000D-AFBB-4A26-B7D8-10B6F74B7744}"/>
                </c:ext>
              </c:extLst>
            </c:dLbl>
            <c:spPr>
              <a:solidFill>
                <a:srgbClr val="FFFFFF"/>
              </a:solidFill>
              <a:ln>
                <a:noFill/>
              </a:ln>
              <a:effectLst>
                <a:outerShdw blurRad="63500" sx="102000" sy="102000" algn="ctr" rotWithShape="0">
                  <a:prstClr val="black">
                    <a:alpha val="40000"/>
                  </a:prstClr>
                </a:outerShdw>
              </a:effectLst>
            </c:spPr>
            <c:txPr>
              <a:bodyPr rot="0" spcFirstLastPara="1" vertOverflow="ellipsis" vert="horz" wrap="square" lIns="38100" tIns="19050" rIns="38100" bIns="19050" anchor="ctr" anchorCtr="1">
                <a:spAutoFit/>
              </a:bodyPr>
              <a:lstStyle/>
              <a:p>
                <a:pPr>
                  <a:defRPr sz="1200" b="0" i="0" u="none" strike="noStrike" kern="1200" baseline="0">
                    <a:solidFill>
                      <a:sysClr val="windowText" lastClr="000000"/>
                    </a:solidFill>
                    <a:latin typeface="Segoe UI Semilight" panose="020B0402040204020203" pitchFamily="34" charset="0"/>
                    <a:ea typeface="+mn-ea"/>
                    <a:cs typeface="Segoe UI Semilight" panose="020B0402040204020203" pitchFamily="34" charset="0"/>
                  </a:defRPr>
                </a:pPr>
                <a:endParaRPr lang="da-DK"/>
              </a:p>
            </c:txPr>
            <c:dLblPos val="t"/>
            <c:showLegendKey val="0"/>
            <c:showVal val="0"/>
            <c:showCatName val="0"/>
            <c:showSerName val="1"/>
            <c:showPercent val="0"/>
            <c:showBubbleSize val="0"/>
            <c:showLeaderLines val="0"/>
            <c:extLst>
              <c:ext xmlns:c15="http://schemas.microsoft.com/office/drawing/2012/chart" uri="{CE6537A1-D6FC-4f65-9D91-7224C49458BB}">
                <c15:showLeaderLines val="0"/>
              </c:ext>
            </c:extLst>
          </c:dLbls>
          <c:xVal>
            <c:numRef>
              <c:f>figurer!$J$56</c:f>
              <c:numCache>
                <c:formatCode>0</c:formatCode>
                <c:ptCount val="1"/>
                <c:pt idx="0">
                  <c:v>1</c:v>
                </c:pt>
              </c:numCache>
            </c:numRef>
          </c:xVal>
          <c:yVal>
            <c:numRef>
              <c:f>figurer!$I$56</c:f>
              <c:numCache>
                <c:formatCode>0%</c:formatCode>
                <c:ptCount val="1"/>
                <c:pt idx="0">
                  <c:v>9.5105328376703824E-2</c:v>
                </c:pt>
              </c:numCache>
            </c:numRef>
          </c:yVal>
          <c:bubbleSize>
            <c:numRef>
              <c:f>figurer!$G$56</c:f>
              <c:numCache>
                <c:formatCode>#,##0</c:formatCode>
                <c:ptCount val="1"/>
                <c:pt idx="0">
                  <c:v>2092</c:v>
                </c:pt>
              </c:numCache>
            </c:numRef>
          </c:bubbleSize>
          <c:bubble3D val="0"/>
          <c:extLst>
            <c:ext xmlns:c16="http://schemas.microsoft.com/office/drawing/2014/chart" uri="{C3380CC4-5D6E-409C-BE32-E72D297353CC}">
              <c16:uniqueId val="{0000000E-AFBB-4A26-B7D8-10B6F74B7744}"/>
            </c:ext>
          </c:extLst>
        </c:ser>
        <c:ser>
          <c:idx val="6"/>
          <c:order val="7"/>
          <c:tx>
            <c:strRef>
              <c:f>figurer!$F$57</c:f>
              <c:strCache>
                <c:ptCount val="1"/>
                <c:pt idx="0">
                  <c:v>Digital økonomistyring</c:v>
                </c:pt>
              </c:strCache>
            </c:strRef>
          </c:tx>
          <c:spPr>
            <a:solidFill>
              <a:srgbClr val="30479E"/>
            </a:solidFill>
            <a:ln w="3175">
              <a:noFill/>
            </a:ln>
            <a:effectLst>
              <a:outerShdw blurRad="50800" dist="12700" dir="2700000" algn="tl" rotWithShape="0">
                <a:prstClr val="black">
                  <a:alpha val="40000"/>
                </a:prstClr>
              </a:outerShdw>
            </a:effectLst>
          </c:spPr>
          <c:invertIfNegative val="0"/>
          <c:dLbls>
            <c:dLbl>
              <c:idx val="0"/>
              <c:layout>
                <c:manualLayout>
                  <c:x val="-0.19869759187832164"/>
                  <c:y val="-8.4756861851034024E-2"/>
                </c:manualLayout>
              </c:layout>
              <c:dLblPos val="r"/>
              <c:showLegendKey val="0"/>
              <c:showVal val="0"/>
              <c:showCatName val="0"/>
              <c:showSerName val="1"/>
              <c:showPercent val="0"/>
              <c:showBubbleSize val="0"/>
              <c:extLst>
                <c:ext xmlns:c15="http://schemas.microsoft.com/office/drawing/2012/chart" uri="{CE6537A1-D6FC-4f65-9D91-7224C49458BB}"/>
                <c:ext xmlns:c16="http://schemas.microsoft.com/office/drawing/2014/chart" uri="{C3380CC4-5D6E-409C-BE32-E72D297353CC}">
                  <c16:uniqueId val="{0000000F-AFBB-4A26-B7D8-10B6F74B7744}"/>
                </c:ext>
              </c:extLst>
            </c:dLbl>
            <c:spPr>
              <a:solidFill>
                <a:srgbClr val="FFFFFF"/>
              </a:solidFill>
              <a:ln>
                <a:noFill/>
              </a:ln>
              <a:effectLst>
                <a:outerShdw blurRad="63500" sx="102000" sy="102000" algn="ctr" rotWithShape="0">
                  <a:prstClr val="black">
                    <a:alpha val="40000"/>
                  </a:prstClr>
                </a:outerShdw>
              </a:effectLst>
            </c:spPr>
            <c:txPr>
              <a:bodyPr rot="0" spcFirstLastPara="1" vertOverflow="ellipsis" vert="horz" wrap="square" lIns="38100" tIns="19050" rIns="38100" bIns="19050" anchor="ctr" anchorCtr="1">
                <a:spAutoFit/>
              </a:bodyPr>
              <a:lstStyle/>
              <a:p>
                <a:pPr>
                  <a:defRPr sz="1200" b="0" i="0" u="none" strike="noStrike" kern="1200" baseline="0">
                    <a:solidFill>
                      <a:sysClr val="windowText" lastClr="000000"/>
                    </a:solidFill>
                    <a:latin typeface="Segoe UI Semilight" panose="020B0402040204020203" pitchFamily="34" charset="0"/>
                    <a:ea typeface="+mn-ea"/>
                    <a:cs typeface="Segoe UI Semilight" panose="020B0402040204020203" pitchFamily="34" charset="0"/>
                  </a:defRPr>
                </a:pPr>
                <a:endParaRPr lang="da-DK"/>
              </a:p>
            </c:txPr>
            <c:dLblPos val="t"/>
            <c:showLegendKey val="0"/>
            <c:showVal val="0"/>
            <c:showCatName val="0"/>
            <c:showSerName val="1"/>
            <c:showPercent val="0"/>
            <c:showBubbleSize val="0"/>
            <c:showLeaderLines val="0"/>
            <c:extLst>
              <c:ext xmlns:c15="http://schemas.microsoft.com/office/drawing/2012/chart" uri="{CE6537A1-D6FC-4f65-9D91-7224C49458BB}">
                <c15:showLeaderLines val="0"/>
              </c:ext>
            </c:extLst>
          </c:dLbls>
          <c:xVal>
            <c:numRef>
              <c:f>figurer!$J$57</c:f>
              <c:numCache>
                <c:formatCode>0</c:formatCode>
                <c:ptCount val="1"/>
                <c:pt idx="0">
                  <c:v>2</c:v>
                </c:pt>
              </c:numCache>
            </c:numRef>
          </c:xVal>
          <c:yVal>
            <c:numRef>
              <c:f>figurer!$I$57</c:f>
              <c:numCache>
                <c:formatCode>0%</c:formatCode>
                <c:ptCount val="1"/>
                <c:pt idx="0">
                  <c:v>0.21302264088580403</c:v>
                </c:pt>
              </c:numCache>
            </c:numRef>
          </c:yVal>
          <c:bubbleSize>
            <c:numRef>
              <c:f>figurer!$G$57</c:f>
              <c:numCache>
                <c:formatCode>#,##0</c:formatCode>
                <c:ptCount val="1"/>
                <c:pt idx="0">
                  <c:v>4510</c:v>
                </c:pt>
              </c:numCache>
            </c:numRef>
          </c:bubbleSize>
          <c:bubble3D val="0"/>
          <c:extLst>
            <c:ext xmlns:c16="http://schemas.microsoft.com/office/drawing/2014/chart" uri="{C3380CC4-5D6E-409C-BE32-E72D297353CC}">
              <c16:uniqueId val="{00000010-AFBB-4A26-B7D8-10B6F74B7744}"/>
            </c:ext>
          </c:extLst>
        </c:ser>
        <c:ser>
          <c:idx val="7"/>
          <c:order val="8"/>
          <c:tx>
            <c:strRef>
              <c:f>figurer!$F$58</c:f>
              <c:strCache>
                <c:ptCount val="1"/>
                <c:pt idx="0">
                  <c:v>Data og AI</c:v>
                </c:pt>
              </c:strCache>
            </c:strRef>
          </c:tx>
          <c:spPr>
            <a:solidFill>
              <a:srgbClr val="F38F2E"/>
            </a:solidFill>
            <a:ln w="25400">
              <a:noFill/>
            </a:ln>
            <a:effectLst>
              <a:outerShdw blurRad="50800" dist="12700" dir="2700000" algn="tl" rotWithShape="0">
                <a:prstClr val="black">
                  <a:alpha val="40000"/>
                </a:prstClr>
              </a:outerShdw>
            </a:effectLst>
          </c:spPr>
          <c:invertIfNegative val="0"/>
          <c:dLbls>
            <c:dLbl>
              <c:idx val="0"/>
              <c:layout>
                <c:manualLayout>
                  <c:x val="-9.3663668779250656E-2"/>
                  <c:y val="-3.0162447614509324E-2"/>
                </c:manualLayout>
              </c:layout>
              <c:spPr>
                <a:solidFill>
                  <a:srgbClr val="FFFFFF"/>
                </a:solidFill>
                <a:ln cap="flat">
                  <a:solidFill>
                    <a:srgbClr val="E7E6E6"/>
                  </a:solidFill>
                  <a:round/>
                </a:ln>
                <a:effectLst>
                  <a:outerShdw blurRad="63500" sx="102000" sy="102000" algn="ctr" rotWithShape="0">
                    <a:prstClr val="black">
                      <a:alpha val="40000"/>
                    </a:prstClr>
                  </a:outerShdw>
                  <a:softEdge rad="12700"/>
                </a:effectLst>
              </c:spPr>
              <c:txPr>
                <a:bodyPr rot="0" spcFirstLastPara="1" vertOverflow="ellipsis" vert="horz" wrap="square" lIns="38100" tIns="19050" rIns="38100" bIns="19050" anchor="ctr" anchorCtr="1">
                  <a:spAutoFit/>
                </a:bodyPr>
                <a:lstStyle/>
                <a:p>
                  <a:pPr>
                    <a:defRPr sz="1200" b="0" i="0" u="none" strike="noStrike" kern="1200" baseline="0">
                      <a:solidFill>
                        <a:sysClr val="windowText" lastClr="000000"/>
                      </a:solidFill>
                      <a:latin typeface="Segoe UI Semilight" panose="020B0402040204020203" pitchFamily="34" charset="0"/>
                      <a:ea typeface="+mn-ea"/>
                      <a:cs typeface="Segoe UI Semilight" panose="020B0402040204020203" pitchFamily="34" charset="0"/>
                    </a:defRPr>
                  </a:pPr>
                  <a:endParaRPr lang="da-DK"/>
                </a:p>
              </c:txPr>
              <c:dLblPos val="r"/>
              <c:showLegendKey val="0"/>
              <c:showVal val="0"/>
              <c:showCatName val="0"/>
              <c:showSerName val="1"/>
              <c:showPercent val="0"/>
              <c:showBubbleSize val="0"/>
              <c:extLst>
                <c:ext xmlns:c15="http://schemas.microsoft.com/office/drawing/2012/chart" uri="{CE6537A1-D6FC-4f65-9D91-7224C49458BB}"/>
                <c:ext xmlns:c16="http://schemas.microsoft.com/office/drawing/2014/chart" uri="{C3380CC4-5D6E-409C-BE32-E72D297353CC}">
                  <c16:uniqueId val="{00000011-AFBB-4A26-B7D8-10B6F74B7744}"/>
                </c:ext>
              </c:extLst>
            </c:dLbl>
            <c:spPr>
              <a:solidFill>
                <a:srgbClr val="FFFFFF"/>
              </a:solidFill>
              <a:ln cap="flat">
                <a:solidFill>
                  <a:srgbClr val="E7E6E6"/>
                </a:solidFill>
                <a:round/>
              </a:ln>
              <a:effectLst>
                <a:outerShdw blurRad="63500" sx="102000" sy="102000" algn="ctr" rotWithShape="0">
                  <a:prstClr val="black">
                    <a:alpha val="40000"/>
                  </a:prstClr>
                </a:outerShdw>
                <a:softEdge rad="12700"/>
              </a:effectLst>
            </c:spPr>
            <c:txPr>
              <a:bodyPr rot="0" spcFirstLastPara="1" vertOverflow="ellipsis" vert="horz" wrap="square" lIns="38100" tIns="19050" rIns="38100" bIns="19050" anchor="ctr" anchorCtr="1">
                <a:spAutoFit/>
              </a:bodyPr>
              <a:lstStyle/>
              <a:p>
                <a:pPr>
                  <a:defRPr sz="1400" b="0" i="0" u="none" strike="noStrike" kern="1200" baseline="0">
                    <a:solidFill>
                      <a:sysClr val="windowText" lastClr="000000"/>
                    </a:solidFill>
                    <a:latin typeface="Segoe UI Semilight" panose="020B0402040204020203" pitchFamily="34" charset="0"/>
                    <a:ea typeface="+mn-ea"/>
                    <a:cs typeface="Segoe UI Semilight" panose="020B0402040204020203" pitchFamily="34" charset="0"/>
                  </a:defRPr>
                </a:pPr>
                <a:endParaRPr lang="da-DK"/>
              </a:p>
            </c:txPr>
            <c:dLblPos val="t"/>
            <c:showLegendKey val="0"/>
            <c:showVal val="0"/>
            <c:showCatName val="0"/>
            <c:showSerName val="1"/>
            <c:showPercent val="0"/>
            <c:showBubbleSize val="0"/>
            <c:showLeaderLines val="0"/>
            <c:extLst>
              <c:ext xmlns:c15="http://schemas.microsoft.com/office/drawing/2012/chart" uri="{CE6537A1-D6FC-4f65-9D91-7224C49458BB}">
                <c15:showLeaderLines val="0"/>
              </c:ext>
            </c:extLst>
          </c:dLbls>
          <c:xVal>
            <c:numRef>
              <c:f>figurer!$J$58</c:f>
              <c:numCache>
                <c:formatCode>0</c:formatCode>
                <c:ptCount val="1"/>
                <c:pt idx="0">
                  <c:v>10</c:v>
                </c:pt>
              </c:numCache>
            </c:numRef>
          </c:xVal>
          <c:yVal>
            <c:numRef>
              <c:f>figurer!$I$58</c:f>
              <c:numCache>
                <c:formatCode>0%</c:formatCode>
                <c:ptCount val="1"/>
                <c:pt idx="0">
                  <c:v>1.2929176289453426</c:v>
                </c:pt>
              </c:numCache>
            </c:numRef>
          </c:yVal>
          <c:bubbleSize>
            <c:numRef>
              <c:f>figurer!$G$58</c:f>
              <c:numCache>
                <c:formatCode>#,##0</c:formatCode>
                <c:ptCount val="1"/>
                <c:pt idx="0">
                  <c:v>1936</c:v>
                </c:pt>
              </c:numCache>
            </c:numRef>
          </c:bubbleSize>
          <c:bubble3D val="0"/>
          <c:extLst>
            <c:ext xmlns:c16="http://schemas.microsoft.com/office/drawing/2014/chart" uri="{C3380CC4-5D6E-409C-BE32-E72D297353CC}">
              <c16:uniqueId val="{00000012-AFBB-4A26-B7D8-10B6F74B7744}"/>
            </c:ext>
          </c:extLst>
        </c:ser>
        <c:ser>
          <c:idx val="8"/>
          <c:order val="9"/>
          <c:tx>
            <c:strRef>
              <c:f>figurer!$F$59</c:f>
              <c:strCache>
                <c:ptCount val="1"/>
                <c:pt idx="0">
                  <c:v>IT-sikkerhed</c:v>
                </c:pt>
              </c:strCache>
            </c:strRef>
          </c:tx>
          <c:spPr>
            <a:solidFill>
              <a:srgbClr val="F38F2E"/>
            </a:solidFill>
            <a:ln w="3175">
              <a:noFill/>
            </a:ln>
            <a:effectLst>
              <a:outerShdw blurRad="50800" dist="12700" dir="2700000" algn="tl" rotWithShape="0">
                <a:prstClr val="black">
                  <a:alpha val="40000"/>
                </a:prstClr>
              </a:outerShdw>
            </a:effectLst>
          </c:spPr>
          <c:invertIfNegative val="0"/>
          <c:dLbls>
            <c:dLbl>
              <c:idx val="0"/>
              <c:layout>
                <c:manualLayout>
                  <c:x val="-2.6129656254707798E-2"/>
                  <c:y val="-5.2793517751134854E-2"/>
                </c:manualLayout>
              </c:layout>
              <c:spPr>
                <a:solidFill>
                  <a:srgbClr val="FFFFFF"/>
                </a:solidFill>
                <a:ln>
                  <a:noFill/>
                </a:ln>
                <a:effectLst>
                  <a:outerShdw blurRad="63500" sx="102000" sy="102000" algn="ctr" rotWithShape="0">
                    <a:prstClr val="black">
                      <a:alpha val="40000"/>
                    </a:prstClr>
                  </a:outerShdw>
                </a:effectLst>
              </c:spPr>
              <c:txPr>
                <a:bodyPr rot="0" spcFirstLastPara="1" vertOverflow="ellipsis" vert="horz" wrap="square" lIns="38100" tIns="19050" rIns="38100" bIns="19050" anchor="ctr" anchorCtr="1">
                  <a:spAutoFit/>
                </a:bodyPr>
                <a:lstStyle/>
                <a:p>
                  <a:pPr>
                    <a:defRPr sz="1200" b="0" i="0" u="none" strike="noStrike" kern="1200" baseline="0">
                      <a:solidFill>
                        <a:sysClr val="windowText" lastClr="000000"/>
                      </a:solidFill>
                      <a:latin typeface="Segoe UI Semilight" panose="020B0402040204020203" pitchFamily="34" charset="0"/>
                      <a:ea typeface="+mn-ea"/>
                      <a:cs typeface="Segoe UI Semilight" panose="020B0402040204020203" pitchFamily="34" charset="0"/>
                    </a:defRPr>
                  </a:pPr>
                  <a:endParaRPr lang="da-DK"/>
                </a:p>
              </c:txPr>
              <c:dLblPos val="r"/>
              <c:showLegendKey val="0"/>
              <c:showVal val="0"/>
              <c:showCatName val="0"/>
              <c:showSerName val="1"/>
              <c:showPercent val="0"/>
              <c:showBubbleSize val="0"/>
              <c:extLst>
                <c:ext xmlns:c15="http://schemas.microsoft.com/office/drawing/2012/chart" uri="{CE6537A1-D6FC-4f65-9D91-7224C49458BB}"/>
                <c:ext xmlns:c16="http://schemas.microsoft.com/office/drawing/2014/chart" uri="{C3380CC4-5D6E-409C-BE32-E72D297353CC}">
                  <c16:uniqueId val="{00000013-AFBB-4A26-B7D8-10B6F74B7744}"/>
                </c:ext>
              </c:extLst>
            </c:dLbl>
            <c:spPr>
              <a:solidFill>
                <a:srgbClr val="FFFFFF"/>
              </a:solidFill>
              <a:ln>
                <a:noFill/>
              </a:ln>
              <a:effectLst>
                <a:outerShdw blurRad="63500" sx="102000" sy="102000" algn="ctr" rotWithShape="0">
                  <a:prstClr val="black">
                    <a:alpha val="40000"/>
                  </a:prstClr>
                </a:outerShdw>
              </a:effectLst>
            </c:spPr>
            <c:txPr>
              <a:bodyPr rot="0" spcFirstLastPara="1" vertOverflow="ellipsis" vert="horz" wrap="square" lIns="38100" tIns="19050" rIns="38100" bIns="19050" anchor="ctr" anchorCtr="1">
                <a:spAutoFit/>
              </a:bodyPr>
              <a:lstStyle/>
              <a:p>
                <a:pPr>
                  <a:defRPr sz="1400" b="0" i="0" u="none" strike="noStrike" kern="1200" baseline="0">
                    <a:solidFill>
                      <a:sysClr val="windowText" lastClr="000000"/>
                    </a:solidFill>
                    <a:latin typeface="Segoe UI Semilight" panose="020B0402040204020203" pitchFamily="34" charset="0"/>
                    <a:ea typeface="+mn-ea"/>
                    <a:cs typeface="Segoe UI Semilight" panose="020B0402040204020203" pitchFamily="34" charset="0"/>
                  </a:defRPr>
                </a:pPr>
                <a:endParaRPr lang="da-DK"/>
              </a:p>
            </c:txPr>
            <c:dLblPos val="t"/>
            <c:showLegendKey val="0"/>
            <c:showVal val="0"/>
            <c:showCatName val="0"/>
            <c:showSerName val="1"/>
            <c:showPercent val="0"/>
            <c:showBubbleSize val="0"/>
            <c:showLeaderLines val="0"/>
            <c:extLst>
              <c:ext xmlns:c15="http://schemas.microsoft.com/office/drawing/2012/chart" uri="{CE6537A1-D6FC-4f65-9D91-7224C49458BB}">
                <c15:showLeaderLines val="0"/>
              </c:ext>
            </c:extLst>
          </c:dLbls>
          <c:xVal>
            <c:numRef>
              <c:f>figurer!$J$59</c:f>
              <c:numCache>
                <c:formatCode>0</c:formatCode>
                <c:ptCount val="1"/>
                <c:pt idx="0">
                  <c:v>9</c:v>
                </c:pt>
              </c:numCache>
            </c:numRef>
          </c:xVal>
          <c:yVal>
            <c:numRef>
              <c:f>figurer!$I$59</c:f>
              <c:numCache>
                <c:formatCode>0%</c:formatCode>
                <c:ptCount val="1"/>
                <c:pt idx="0">
                  <c:v>0.66976127320954904</c:v>
                </c:pt>
              </c:numCache>
            </c:numRef>
          </c:yVal>
          <c:bubbleSize>
            <c:numRef>
              <c:f>figurer!$G$59</c:f>
              <c:numCache>
                <c:formatCode>#,##0</c:formatCode>
                <c:ptCount val="1"/>
                <c:pt idx="0">
                  <c:v>1255</c:v>
                </c:pt>
              </c:numCache>
            </c:numRef>
          </c:bubbleSize>
          <c:bubble3D val="0"/>
          <c:extLst>
            <c:ext xmlns:c16="http://schemas.microsoft.com/office/drawing/2014/chart" uri="{C3380CC4-5D6E-409C-BE32-E72D297353CC}">
              <c16:uniqueId val="{00000014-AFBB-4A26-B7D8-10B6F74B7744}"/>
            </c:ext>
          </c:extLst>
        </c:ser>
        <c:dLbls>
          <c:dLblPos val="t"/>
          <c:showLegendKey val="0"/>
          <c:showVal val="1"/>
          <c:showCatName val="0"/>
          <c:showSerName val="0"/>
          <c:showPercent val="0"/>
          <c:showBubbleSize val="0"/>
        </c:dLbls>
        <c:bubbleScale val="90"/>
        <c:showNegBubbles val="0"/>
        <c:axId val="749669120"/>
        <c:axId val="749669448"/>
      </c:bubbleChart>
      <c:valAx>
        <c:axId val="749669120"/>
        <c:scaling>
          <c:orientation val="minMax"/>
          <c:max val="10.6"/>
          <c:min val="0"/>
        </c:scaling>
        <c:delete val="1"/>
        <c:axPos val="b"/>
        <c:numFmt formatCode="0" sourceLinked="1"/>
        <c:majorTickMark val="out"/>
        <c:minorTickMark val="none"/>
        <c:tickLblPos val="nextTo"/>
        <c:crossAx val="749669448"/>
        <c:crosses val="autoZero"/>
        <c:crossBetween val="midCat"/>
      </c:valAx>
      <c:valAx>
        <c:axId val="749669448"/>
        <c:scaling>
          <c:orientation val="minMax"/>
          <c:max val="1.4"/>
          <c:min val="0"/>
        </c:scaling>
        <c:delete val="0"/>
        <c:axPos val="l"/>
        <c:majorGridlines>
          <c:spPr>
            <a:ln w="9525" cap="flat" cmpd="sng" algn="ctr">
              <a:solidFill>
                <a:schemeClr val="tx1">
                  <a:lumMod val="15000"/>
                  <a:lumOff val="85000"/>
                </a:schemeClr>
              </a:solidFill>
              <a:round/>
            </a:ln>
            <a:effectLst/>
          </c:spPr>
        </c:majorGridlines>
        <c:numFmt formatCode="0%" sourceLinked="1"/>
        <c:majorTickMark val="out"/>
        <c:minorTickMark val="none"/>
        <c:tickLblPos val="low"/>
        <c:spPr>
          <a:noFill/>
          <a:ln w="12700">
            <a:noFill/>
            <a:prstDash val="solid"/>
          </a:ln>
          <a:effectLst/>
        </c:spPr>
        <c:txPr>
          <a:bodyPr rot="-60000000" spcFirstLastPara="1" vertOverflow="ellipsis" vert="horz" wrap="square" anchor="ctr" anchorCtr="1"/>
          <a:lstStyle/>
          <a:p>
            <a:pPr>
              <a:defRPr sz="1200" b="0" i="0" u="none" strike="noStrike" kern="1200" baseline="0">
                <a:solidFill>
                  <a:sysClr val="windowText" lastClr="000000"/>
                </a:solidFill>
                <a:latin typeface="Segoe UI Semilight" panose="020B0402040204020203" pitchFamily="34" charset="0"/>
                <a:ea typeface="+mn-ea"/>
                <a:cs typeface="Segoe UI Semilight" panose="020B0402040204020203" pitchFamily="34" charset="0"/>
              </a:defRPr>
            </a:pPr>
            <a:endParaRPr lang="da-DK"/>
          </a:p>
        </c:txPr>
        <c:crossAx val="749669120"/>
        <c:crosses val="autoZero"/>
        <c:crossBetween val="midCat"/>
        <c:majorUnit val="0.2"/>
      </c:valAx>
      <c:spPr>
        <a:noFill/>
        <a:ln>
          <a:noFill/>
        </a:ln>
        <a:effectLst/>
      </c:spPr>
    </c:plotArea>
    <c:plotVisOnly val="1"/>
    <c:dispBlanksAs val="gap"/>
    <c:showDLblsOverMax val="0"/>
  </c:chart>
  <c:spPr>
    <a:noFill/>
    <a:ln w="9525" cap="flat" cmpd="sng" algn="ctr">
      <a:noFill/>
      <a:round/>
    </a:ln>
    <a:effectLst/>
  </c:spPr>
  <c:txPr>
    <a:bodyPr/>
    <a:lstStyle/>
    <a:p>
      <a:pPr>
        <a:defRPr sz="1000" baseline="0">
          <a:solidFill>
            <a:sysClr val="windowText" lastClr="000000"/>
          </a:solidFill>
          <a:latin typeface="Segoe UI Light" panose="020B0502040204020203" pitchFamily="34" charset="0"/>
        </a:defRPr>
      </a:pPr>
      <a:endParaRPr lang="da-DK"/>
    </a:p>
  </c:txPr>
  <c:externalData r:id="rId4">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2B2BE1F2-8DCE-44EF-88F6-12C39955B5FE}" type="doc">
      <dgm:prSet loTypeId="urn:microsoft.com/office/officeart/2005/8/layout/pyramid1" loCatId="pyramid" qsTypeId="urn:microsoft.com/office/officeart/2005/8/quickstyle/simple1" qsCatId="simple" csTypeId="urn:microsoft.com/office/officeart/2005/8/colors/accent1_2" csCatId="accent1" phldr="1"/>
      <dgm:spPr/>
    </dgm:pt>
    <dgm:pt modelId="{1DAC994E-7DD2-488D-934D-C5EF57F0D804}">
      <dgm:prSet phldrT="[Tekst]"/>
      <dgm:spPr>
        <a:solidFill>
          <a:srgbClr val="30479E"/>
        </a:solidFill>
        <a:ln>
          <a:solidFill>
            <a:schemeClr val="lt1">
              <a:hueOff val="0"/>
              <a:satOff val="0"/>
              <a:lumOff val="0"/>
            </a:schemeClr>
          </a:solidFill>
        </a:ln>
        <a:effectLst>
          <a:outerShdw blurRad="292100" dist="38100" dir="2700000" algn="tl" rotWithShape="0">
            <a:prstClr val="black">
              <a:alpha val="28000"/>
            </a:prstClr>
          </a:outerShdw>
        </a:effectLst>
      </dgm:spPr>
      <dgm:t>
        <a:bodyPr/>
        <a:lstStyle/>
        <a:p>
          <a:r>
            <a:rPr lang="da-DK" dirty="0"/>
            <a:t> </a:t>
          </a:r>
        </a:p>
      </dgm:t>
    </dgm:pt>
    <dgm:pt modelId="{0800AB3B-F217-48AA-9F54-A6EDCB789CA7}" type="parTrans" cxnId="{4E097230-5AA9-4DBF-8E96-2642A02DAC34}">
      <dgm:prSet/>
      <dgm:spPr/>
      <dgm:t>
        <a:bodyPr/>
        <a:lstStyle/>
        <a:p>
          <a:endParaRPr lang="da-DK"/>
        </a:p>
      </dgm:t>
    </dgm:pt>
    <dgm:pt modelId="{F35DC5B6-6171-412F-BED1-15937D67D7EB}" type="sibTrans" cxnId="{4E097230-5AA9-4DBF-8E96-2642A02DAC34}">
      <dgm:prSet/>
      <dgm:spPr/>
      <dgm:t>
        <a:bodyPr/>
        <a:lstStyle/>
        <a:p>
          <a:endParaRPr lang="da-DK"/>
        </a:p>
      </dgm:t>
    </dgm:pt>
    <dgm:pt modelId="{1BE159E9-9DAA-49FB-932A-7C0A5C91E30B}">
      <dgm:prSet phldrT="[Tekst]"/>
      <dgm:spPr>
        <a:solidFill>
          <a:srgbClr val="612B86"/>
        </a:solidFill>
        <a:effectLst>
          <a:outerShdw blurRad="292100" dist="38100" dir="2700000" algn="tl" rotWithShape="0">
            <a:prstClr val="black">
              <a:alpha val="28000"/>
            </a:prstClr>
          </a:outerShdw>
        </a:effectLst>
      </dgm:spPr>
      <dgm:t>
        <a:bodyPr/>
        <a:lstStyle/>
        <a:p>
          <a:r>
            <a:rPr lang="da-DK" dirty="0"/>
            <a:t> </a:t>
          </a:r>
        </a:p>
      </dgm:t>
    </dgm:pt>
    <dgm:pt modelId="{3F1DF92E-9F9B-4F9B-AEEE-C95EEE40D94B}" type="parTrans" cxnId="{26DD07CB-2EB7-4DB7-8CA2-3C1A07E9514F}">
      <dgm:prSet/>
      <dgm:spPr/>
      <dgm:t>
        <a:bodyPr/>
        <a:lstStyle/>
        <a:p>
          <a:endParaRPr lang="da-DK"/>
        </a:p>
      </dgm:t>
    </dgm:pt>
    <dgm:pt modelId="{AC0839D0-2212-446C-BBC5-417BE596C712}" type="sibTrans" cxnId="{26DD07CB-2EB7-4DB7-8CA2-3C1A07E9514F}">
      <dgm:prSet/>
      <dgm:spPr/>
      <dgm:t>
        <a:bodyPr/>
        <a:lstStyle/>
        <a:p>
          <a:endParaRPr lang="da-DK"/>
        </a:p>
      </dgm:t>
    </dgm:pt>
    <dgm:pt modelId="{CD920324-281F-4D84-A924-120EBCC2E831}">
      <dgm:prSet phldrT="[Tekst]"/>
      <dgm:spPr>
        <a:solidFill>
          <a:srgbClr val="F38F2E"/>
        </a:solidFill>
        <a:ln>
          <a:solidFill>
            <a:schemeClr val="lt1">
              <a:hueOff val="0"/>
              <a:satOff val="0"/>
              <a:lumOff val="0"/>
            </a:schemeClr>
          </a:solidFill>
        </a:ln>
        <a:effectLst>
          <a:outerShdw blurRad="292100" dist="38100" dir="2700000" algn="tl" rotWithShape="0">
            <a:prstClr val="black">
              <a:alpha val="28000"/>
            </a:prstClr>
          </a:outerShdw>
        </a:effectLst>
      </dgm:spPr>
      <dgm:t>
        <a:bodyPr/>
        <a:lstStyle/>
        <a:p>
          <a:r>
            <a:rPr lang="da-DK" dirty="0">
              <a:solidFill>
                <a:schemeClr val="accent2"/>
              </a:solidFill>
            </a:rPr>
            <a:t> </a:t>
          </a:r>
        </a:p>
      </dgm:t>
    </dgm:pt>
    <dgm:pt modelId="{AD2C3246-65CE-4BED-A677-97D5472A6FE8}" type="sibTrans" cxnId="{AB419F69-C354-44B7-BAC7-11EE4D544BC8}">
      <dgm:prSet/>
      <dgm:spPr/>
      <dgm:t>
        <a:bodyPr/>
        <a:lstStyle/>
        <a:p>
          <a:endParaRPr lang="da-DK"/>
        </a:p>
      </dgm:t>
    </dgm:pt>
    <dgm:pt modelId="{B00D0478-C4EE-4769-A727-153585F44072}" type="parTrans" cxnId="{AB419F69-C354-44B7-BAC7-11EE4D544BC8}">
      <dgm:prSet/>
      <dgm:spPr/>
      <dgm:t>
        <a:bodyPr/>
        <a:lstStyle/>
        <a:p>
          <a:endParaRPr lang="da-DK"/>
        </a:p>
      </dgm:t>
    </dgm:pt>
    <dgm:pt modelId="{2ED1B652-7840-46E2-A1FC-3A9A284D92A8}" type="pres">
      <dgm:prSet presAssocID="{2B2BE1F2-8DCE-44EF-88F6-12C39955B5FE}" presName="Name0" presStyleCnt="0">
        <dgm:presLayoutVars>
          <dgm:dir/>
          <dgm:animLvl val="lvl"/>
          <dgm:resizeHandles val="exact"/>
        </dgm:presLayoutVars>
      </dgm:prSet>
      <dgm:spPr/>
    </dgm:pt>
    <dgm:pt modelId="{2B734487-5500-4EF0-BC81-396443B2E25F}" type="pres">
      <dgm:prSet presAssocID="{CD920324-281F-4D84-A924-120EBCC2E831}" presName="Name8" presStyleCnt="0"/>
      <dgm:spPr/>
    </dgm:pt>
    <dgm:pt modelId="{8887C8F4-294C-4AA4-B94B-7B7CC9B6C8C0}" type="pres">
      <dgm:prSet presAssocID="{CD920324-281F-4D84-A924-120EBCC2E831}" presName="level" presStyleLbl="node1" presStyleIdx="0" presStyleCnt="3" custLinFactNeighborY="-6331">
        <dgm:presLayoutVars>
          <dgm:chMax val="1"/>
          <dgm:bulletEnabled val="1"/>
        </dgm:presLayoutVars>
      </dgm:prSet>
      <dgm:spPr/>
      <dgm:t>
        <a:bodyPr/>
        <a:lstStyle/>
        <a:p>
          <a:endParaRPr lang="da-DK"/>
        </a:p>
      </dgm:t>
    </dgm:pt>
    <dgm:pt modelId="{899714AC-7473-49B7-AFAA-F091BE8FBDC2}" type="pres">
      <dgm:prSet presAssocID="{CD920324-281F-4D84-A924-120EBCC2E831}" presName="levelTx" presStyleLbl="revTx" presStyleIdx="0" presStyleCnt="0">
        <dgm:presLayoutVars>
          <dgm:chMax val="1"/>
          <dgm:bulletEnabled val="1"/>
        </dgm:presLayoutVars>
      </dgm:prSet>
      <dgm:spPr/>
      <dgm:t>
        <a:bodyPr/>
        <a:lstStyle/>
        <a:p>
          <a:endParaRPr lang="da-DK"/>
        </a:p>
      </dgm:t>
    </dgm:pt>
    <dgm:pt modelId="{CC9A32DA-11BF-47DE-96E2-2DEAD8172074}" type="pres">
      <dgm:prSet presAssocID="{1DAC994E-7DD2-488D-934D-C5EF57F0D804}" presName="Name8" presStyleCnt="0"/>
      <dgm:spPr/>
    </dgm:pt>
    <dgm:pt modelId="{0602E6F3-5CF0-4259-BAB4-323D7F1F02DE}" type="pres">
      <dgm:prSet presAssocID="{1DAC994E-7DD2-488D-934D-C5EF57F0D804}" presName="level" presStyleLbl="node1" presStyleIdx="1" presStyleCnt="3">
        <dgm:presLayoutVars>
          <dgm:chMax val="1"/>
          <dgm:bulletEnabled val="1"/>
        </dgm:presLayoutVars>
      </dgm:prSet>
      <dgm:spPr/>
      <dgm:t>
        <a:bodyPr/>
        <a:lstStyle/>
        <a:p>
          <a:endParaRPr lang="da-DK"/>
        </a:p>
      </dgm:t>
    </dgm:pt>
    <dgm:pt modelId="{E119A85D-7E18-47CC-B9FF-399609784F44}" type="pres">
      <dgm:prSet presAssocID="{1DAC994E-7DD2-488D-934D-C5EF57F0D804}" presName="levelTx" presStyleLbl="revTx" presStyleIdx="0" presStyleCnt="0">
        <dgm:presLayoutVars>
          <dgm:chMax val="1"/>
          <dgm:bulletEnabled val="1"/>
        </dgm:presLayoutVars>
      </dgm:prSet>
      <dgm:spPr/>
      <dgm:t>
        <a:bodyPr/>
        <a:lstStyle/>
        <a:p>
          <a:endParaRPr lang="da-DK"/>
        </a:p>
      </dgm:t>
    </dgm:pt>
    <dgm:pt modelId="{597FB91D-F0A0-452A-9C99-792A2170F933}" type="pres">
      <dgm:prSet presAssocID="{1BE159E9-9DAA-49FB-932A-7C0A5C91E30B}" presName="Name8" presStyleCnt="0"/>
      <dgm:spPr/>
    </dgm:pt>
    <dgm:pt modelId="{EB7DCE53-6582-4127-8E73-B5A524E959C5}" type="pres">
      <dgm:prSet presAssocID="{1BE159E9-9DAA-49FB-932A-7C0A5C91E30B}" presName="level" presStyleLbl="node1" presStyleIdx="2" presStyleCnt="3">
        <dgm:presLayoutVars>
          <dgm:chMax val="1"/>
          <dgm:bulletEnabled val="1"/>
        </dgm:presLayoutVars>
      </dgm:prSet>
      <dgm:spPr/>
      <dgm:t>
        <a:bodyPr/>
        <a:lstStyle/>
        <a:p>
          <a:endParaRPr lang="da-DK"/>
        </a:p>
      </dgm:t>
    </dgm:pt>
    <dgm:pt modelId="{C75181DE-1F69-424C-A21A-40D9BE9EF93F}" type="pres">
      <dgm:prSet presAssocID="{1BE159E9-9DAA-49FB-932A-7C0A5C91E30B}" presName="levelTx" presStyleLbl="revTx" presStyleIdx="0" presStyleCnt="0">
        <dgm:presLayoutVars>
          <dgm:chMax val="1"/>
          <dgm:bulletEnabled val="1"/>
        </dgm:presLayoutVars>
      </dgm:prSet>
      <dgm:spPr/>
      <dgm:t>
        <a:bodyPr/>
        <a:lstStyle/>
        <a:p>
          <a:endParaRPr lang="da-DK"/>
        </a:p>
      </dgm:t>
    </dgm:pt>
  </dgm:ptLst>
  <dgm:cxnLst>
    <dgm:cxn modelId="{9F50B11B-657D-49B2-8563-9748B11CB0F8}" type="presOf" srcId="{CD920324-281F-4D84-A924-120EBCC2E831}" destId="{8887C8F4-294C-4AA4-B94B-7B7CC9B6C8C0}" srcOrd="0" destOrd="0" presId="urn:microsoft.com/office/officeart/2005/8/layout/pyramid1"/>
    <dgm:cxn modelId="{13E11F46-DD71-41E4-90E7-6ACB308AA571}" type="presOf" srcId="{2B2BE1F2-8DCE-44EF-88F6-12C39955B5FE}" destId="{2ED1B652-7840-46E2-A1FC-3A9A284D92A8}" srcOrd="0" destOrd="0" presId="urn:microsoft.com/office/officeart/2005/8/layout/pyramid1"/>
    <dgm:cxn modelId="{AB419F69-C354-44B7-BAC7-11EE4D544BC8}" srcId="{2B2BE1F2-8DCE-44EF-88F6-12C39955B5FE}" destId="{CD920324-281F-4D84-A924-120EBCC2E831}" srcOrd="0" destOrd="0" parTransId="{B00D0478-C4EE-4769-A727-153585F44072}" sibTransId="{AD2C3246-65CE-4BED-A677-97D5472A6FE8}"/>
    <dgm:cxn modelId="{0F584AA8-1EE6-4062-BD8F-F893C02EDA53}" type="presOf" srcId="{CD920324-281F-4D84-A924-120EBCC2E831}" destId="{899714AC-7473-49B7-AFAA-F091BE8FBDC2}" srcOrd="1" destOrd="0" presId="urn:microsoft.com/office/officeart/2005/8/layout/pyramid1"/>
    <dgm:cxn modelId="{1DF1D43E-D087-480F-9D0C-49DBF86845A0}" type="presOf" srcId="{1DAC994E-7DD2-488D-934D-C5EF57F0D804}" destId="{0602E6F3-5CF0-4259-BAB4-323D7F1F02DE}" srcOrd="0" destOrd="0" presId="urn:microsoft.com/office/officeart/2005/8/layout/pyramid1"/>
    <dgm:cxn modelId="{26DD07CB-2EB7-4DB7-8CA2-3C1A07E9514F}" srcId="{2B2BE1F2-8DCE-44EF-88F6-12C39955B5FE}" destId="{1BE159E9-9DAA-49FB-932A-7C0A5C91E30B}" srcOrd="2" destOrd="0" parTransId="{3F1DF92E-9F9B-4F9B-AEEE-C95EEE40D94B}" sibTransId="{AC0839D0-2212-446C-BBC5-417BE596C712}"/>
    <dgm:cxn modelId="{861E84CC-8BDA-4D9B-AC89-45D85150D9C3}" type="presOf" srcId="{1BE159E9-9DAA-49FB-932A-7C0A5C91E30B}" destId="{EB7DCE53-6582-4127-8E73-B5A524E959C5}" srcOrd="0" destOrd="0" presId="urn:microsoft.com/office/officeart/2005/8/layout/pyramid1"/>
    <dgm:cxn modelId="{8EB44853-6E87-4C66-8C0F-ABA711C1A668}" type="presOf" srcId="{1BE159E9-9DAA-49FB-932A-7C0A5C91E30B}" destId="{C75181DE-1F69-424C-A21A-40D9BE9EF93F}" srcOrd="1" destOrd="0" presId="urn:microsoft.com/office/officeart/2005/8/layout/pyramid1"/>
    <dgm:cxn modelId="{4E097230-5AA9-4DBF-8E96-2642A02DAC34}" srcId="{2B2BE1F2-8DCE-44EF-88F6-12C39955B5FE}" destId="{1DAC994E-7DD2-488D-934D-C5EF57F0D804}" srcOrd="1" destOrd="0" parTransId="{0800AB3B-F217-48AA-9F54-A6EDCB789CA7}" sibTransId="{F35DC5B6-6171-412F-BED1-15937D67D7EB}"/>
    <dgm:cxn modelId="{48B350F8-56E9-48E7-A79A-07D68669C32C}" type="presOf" srcId="{1DAC994E-7DD2-488D-934D-C5EF57F0D804}" destId="{E119A85D-7E18-47CC-B9FF-399609784F44}" srcOrd="1" destOrd="0" presId="urn:microsoft.com/office/officeart/2005/8/layout/pyramid1"/>
    <dgm:cxn modelId="{E7513E3C-1ADB-4497-8CC5-9A84F570E664}" type="presParOf" srcId="{2ED1B652-7840-46E2-A1FC-3A9A284D92A8}" destId="{2B734487-5500-4EF0-BC81-396443B2E25F}" srcOrd="0" destOrd="0" presId="urn:microsoft.com/office/officeart/2005/8/layout/pyramid1"/>
    <dgm:cxn modelId="{9CB58DC7-191B-429D-B482-5C3455C92FB6}" type="presParOf" srcId="{2B734487-5500-4EF0-BC81-396443B2E25F}" destId="{8887C8F4-294C-4AA4-B94B-7B7CC9B6C8C0}" srcOrd="0" destOrd="0" presId="urn:microsoft.com/office/officeart/2005/8/layout/pyramid1"/>
    <dgm:cxn modelId="{D1A56D3E-A65B-4A70-9D2E-B76AFDAEFEB6}" type="presParOf" srcId="{2B734487-5500-4EF0-BC81-396443B2E25F}" destId="{899714AC-7473-49B7-AFAA-F091BE8FBDC2}" srcOrd="1" destOrd="0" presId="urn:microsoft.com/office/officeart/2005/8/layout/pyramid1"/>
    <dgm:cxn modelId="{FC478FF4-36A4-4D5A-9C01-DEC3D7518048}" type="presParOf" srcId="{2ED1B652-7840-46E2-A1FC-3A9A284D92A8}" destId="{CC9A32DA-11BF-47DE-96E2-2DEAD8172074}" srcOrd="1" destOrd="0" presId="urn:microsoft.com/office/officeart/2005/8/layout/pyramid1"/>
    <dgm:cxn modelId="{948823B6-1EAA-4710-B5FF-6D0F6891AFB4}" type="presParOf" srcId="{CC9A32DA-11BF-47DE-96E2-2DEAD8172074}" destId="{0602E6F3-5CF0-4259-BAB4-323D7F1F02DE}" srcOrd="0" destOrd="0" presId="urn:microsoft.com/office/officeart/2005/8/layout/pyramid1"/>
    <dgm:cxn modelId="{D7E76D02-3A8C-4E14-8558-C8AB5347A962}" type="presParOf" srcId="{CC9A32DA-11BF-47DE-96E2-2DEAD8172074}" destId="{E119A85D-7E18-47CC-B9FF-399609784F44}" srcOrd="1" destOrd="0" presId="urn:microsoft.com/office/officeart/2005/8/layout/pyramid1"/>
    <dgm:cxn modelId="{28B8D229-AC39-4504-A225-7E969A9F2A08}" type="presParOf" srcId="{2ED1B652-7840-46E2-A1FC-3A9A284D92A8}" destId="{597FB91D-F0A0-452A-9C99-792A2170F933}" srcOrd="2" destOrd="0" presId="urn:microsoft.com/office/officeart/2005/8/layout/pyramid1"/>
    <dgm:cxn modelId="{9C3DD102-B15E-4CC6-A22A-6E726B3D5AEB}" type="presParOf" srcId="{597FB91D-F0A0-452A-9C99-792A2170F933}" destId="{EB7DCE53-6582-4127-8E73-B5A524E959C5}" srcOrd="0" destOrd="0" presId="urn:microsoft.com/office/officeart/2005/8/layout/pyramid1"/>
    <dgm:cxn modelId="{4562E10F-4659-4612-BDE4-D4AA16C1A75A}" type="presParOf" srcId="{597FB91D-F0A0-452A-9C99-792A2170F933}" destId="{C75181DE-1F69-424C-A21A-40D9BE9EF93F}" srcOrd="1" destOrd="0" presId="urn:microsoft.com/office/officeart/2005/8/layout/pyramid1"/>
  </dgm:cxnLst>
  <dgm:bg>
    <a:noFill/>
    <a:effectLst>
      <a:outerShdw blurRad="50800" dist="38100" dir="2700000" algn="tl" rotWithShape="0">
        <a:schemeClr val="tx1">
          <a:alpha val="40000"/>
        </a:schemeClr>
      </a:outerShdw>
    </a:effect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887C8F4-294C-4AA4-B94B-7B7CC9B6C8C0}">
      <dsp:nvSpPr>
        <dsp:cNvPr id="0" name=""/>
        <dsp:cNvSpPr/>
      </dsp:nvSpPr>
      <dsp:spPr>
        <a:xfrm>
          <a:off x="1380981" y="0"/>
          <a:ext cx="1380981" cy="979302"/>
        </a:xfrm>
        <a:prstGeom prst="trapezoid">
          <a:avLst>
            <a:gd name="adj" fmla="val 70508"/>
          </a:avLst>
        </a:prstGeom>
        <a:solidFill>
          <a:srgbClr val="F38F2E"/>
        </a:solidFill>
        <a:ln w="12700" cap="flat" cmpd="sng" algn="ctr">
          <a:solidFill>
            <a:schemeClr val="lt1">
              <a:hueOff val="0"/>
              <a:satOff val="0"/>
              <a:lumOff val="0"/>
            </a:schemeClr>
          </a:solidFill>
          <a:prstDash val="solid"/>
          <a:miter lim="800000"/>
        </a:ln>
        <a:effectLst>
          <a:outerShdw blurRad="292100" dist="38100" dir="2700000" algn="tl" rotWithShape="0">
            <a:prstClr val="black">
              <a:alpha val="28000"/>
            </a:prstClr>
          </a:outerShdw>
        </a:effectLst>
      </dsp:spPr>
      <dsp:style>
        <a:lnRef idx="2">
          <a:scrgbClr r="0" g="0" b="0"/>
        </a:lnRef>
        <a:fillRef idx="1">
          <a:scrgbClr r="0" g="0" b="0"/>
        </a:fillRef>
        <a:effectRef idx="0">
          <a:scrgbClr r="0" g="0" b="0"/>
        </a:effectRef>
        <a:fontRef idx="minor">
          <a:schemeClr val="lt1"/>
        </a:fontRef>
      </dsp:style>
      <dsp:txBody>
        <a:bodyPr spcFirstLastPara="0" vert="horz" wrap="square" lIns="78740" tIns="78740" rIns="78740" bIns="78740" numCol="1" spcCol="1270" anchor="ctr" anchorCtr="0">
          <a:noAutofit/>
        </a:bodyPr>
        <a:lstStyle/>
        <a:p>
          <a:pPr lvl="0" algn="ctr" defTabSz="2755900">
            <a:lnSpc>
              <a:spcPct val="90000"/>
            </a:lnSpc>
            <a:spcBef>
              <a:spcPct val="0"/>
            </a:spcBef>
            <a:spcAft>
              <a:spcPct val="35000"/>
            </a:spcAft>
          </a:pPr>
          <a:r>
            <a:rPr lang="da-DK" sz="6200" kern="1200" dirty="0">
              <a:solidFill>
                <a:schemeClr val="accent2"/>
              </a:solidFill>
            </a:rPr>
            <a:t> </a:t>
          </a:r>
        </a:p>
      </dsp:txBody>
      <dsp:txXfrm>
        <a:off x="1380981" y="0"/>
        <a:ext cx="1380981" cy="979302"/>
      </dsp:txXfrm>
    </dsp:sp>
    <dsp:sp modelId="{0602E6F3-5CF0-4259-BAB4-323D7F1F02DE}">
      <dsp:nvSpPr>
        <dsp:cNvPr id="0" name=""/>
        <dsp:cNvSpPr/>
      </dsp:nvSpPr>
      <dsp:spPr>
        <a:xfrm>
          <a:off x="690490" y="979302"/>
          <a:ext cx="2761962" cy="979302"/>
        </a:xfrm>
        <a:prstGeom prst="trapezoid">
          <a:avLst>
            <a:gd name="adj" fmla="val 70508"/>
          </a:avLst>
        </a:prstGeom>
        <a:solidFill>
          <a:srgbClr val="30479E"/>
        </a:solidFill>
        <a:ln w="12700" cap="flat" cmpd="sng" algn="ctr">
          <a:solidFill>
            <a:schemeClr val="lt1">
              <a:hueOff val="0"/>
              <a:satOff val="0"/>
              <a:lumOff val="0"/>
            </a:schemeClr>
          </a:solidFill>
          <a:prstDash val="solid"/>
          <a:miter lim="800000"/>
        </a:ln>
        <a:effectLst>
          <a:outerShdw blurRad="292100" dist="38100" dir="2700000" algn="tl" rotWithShape="0">
            <a:prstClr val="black">
              <a:alpha val="28000"/>
            </a:prstClr>
          </a:outerShdw>
        </a:effectLst>
      </dsp:spPr>
      <dsp:style>
        <a:lnRef idx="2">
          <a:scrgbClr r="0" g="0" b="0"/>
        </a:lnRef>
        <a:fillRef idx="1">
          <a:scrgbClr r="0" g="0" b="0"/>
        </a:fillRef>
        <a:effectRef idx="0">
          <a:scrgbClr r="0" g="0" b="0"/>
        </a:effectRef>
        <a:fontRef idx="minor">
          <a:schemeClr val="lt1"/>
        </a:fontRef>
      </dsp:style>
      <dsp:txBody>
        <a:bodyPr spcFirstLastPara="0" vert="horz" wrap="square" lIns="78740" tIns="78740" rIns="78740" bIns="78740" numCol="1" spcCol="1270" anchor="ctr" anchorCtr="0">
          <a:noAutofit/>
        </a:bodyPr>
        <a:lstStyle/>
        <a:p>
          <a:pPr lvl="0" algn="ctr" defTabSz="2755900">
            <a:lnSpc>
              <a:spcPct val="90000"/>
            </a:lnSpc>
            <a:spcBef>
              <a:spcPct val="0"/>
            </a:spcBef>
            <a:spcAft>
              <a:spcPct val="35000"/>
            </a:spcAft>
          </a:pPr>
          <a:r>
            <a:rPr lang="da-DK" sz="6200" kern="1200" dirty="0"/>
            <a:t> </a:t>
          </a:r>
        </a:p>
      </dsp:txBody>
      <dsp:txXfrm>
        <a:off x="1173834" y="979302"/>
        <a:ext cx="1795275" cy="979302"/>
      </dsp:txXfrm>
    </dsp:sp>
    <dsp:sp modelId="{EB7DCE53-6582-4127-8E73-B5A524E959C5}">
      <dsp:nvSpPr>
        <dsp:cNvPr id="0" name=""/>
        <dsp:cNvSpPr/>
      </dsp:nvSpPr>
      <dsp:spPr>
        <a:xfrm>
          <a:off x="0" y="1958604"/>
          <a:ext cx="4142944" cy="979302"/>
        </a:xfrm>
        <a:prstGeom prst="trapezoid">
          <a:avLst>
            <a:gd name="adj" fmla="val 70508"/>
          </a:avLst>
        </a:prstGeom>
        <a:solidFill>
          <a:srgbClr val="612B86"/>
        </a:solidFill>
        <a:ln w="12700" cap="flat" cmpd="sng" algn="ctr">
          <a:solidFill>
            <a:schemeClr val="lt1">
              <a:hueOff val="0"/>
              <a:satOff val="0"/>
              <a:lumOff val="0"/>
              <a:alphaOff val="0"/>
            </a:schemeClr>
          </a:solidFill>
          <a:prstDash val="solid"/>
          <a:miter lim="800000"/>
        </a:ln>
        <a:effectLst>
          <a:outerShdw blurRad="292100" dist="38100" dir="2700000" algn="tl" rotWithShape="0">
            <a:prstClr val="black">
              <a:alpha val="28000"/>
            </a:prstClr>
          </a:outerShdw>
        </a:effectLst>
      </dsp:spPr>
      <dsp:style>
        <a:lnRef idx="2">
          <a:scrgbClr r="0" g="0" b="0"/>
        </a:lnRef>
        <a:fillRef idx="1">
          <a:scrgbClr r="0" g="0" b="0"/>
        </a:fillRef>
        <a:effectRef idx="0">
          <a:scrgbClr r="0" g="0" b="0"/>
        </a:effectRef>
        <a:fontRef idx="minor">
          <a:schemeClr val="lt1"/>
        </a:fontRef>
      </dsp:style>
      <dsp:txBody>
        <a:bodyPr spcFirstLastPara="0" vert="horz" wrap="square" lIns="78740" tIns="78740" rIns="78740" bIns="78740" numCol="1" spcCol="1270" anchor="ctr" anchorCtr="0">
          <a:noAutofit/>
        </a:bodyPr>
        <a:lstStyle/>
        <a:p>
          <a:pPr lvl="0" algn="ctr" defTabSz="2755900">
            <a:lnSpc>
              <a:spcPct val="90000"/>
            </a:lnSpc>
            <a:spcBef>
              <a:spcPct val="0"/>
            </a:spcBef>
            <a:spcAft>
              <a:spcPct val="35000"/>
            </a:spcAft>
          </a:pPr>
          <a:r>
            <a:rPr lang="da-DK" sz="6200" kern="1200" dirty="0"/>
            <a:t> </a:t>
          </a:r>
        </a:p>
      </dsp:txBody>
      <dsp:txXfrm>
        <a:off x="725015" y="1958604"/>
        <a:ext cx="2692913" cy="979302"/>
      </dsp:txXfrm>
    </dsp:sp>
  </dsp:spTree>
</dsp:drawing>
</file>

<file path=ppt/diagrams/layout1.xml><?xml version="1.0" encoding="utf-8"?>
<dgm:layoutDef xmlns:dgm="http://schemas.openxmlformats.org/drawingml/2006/diagram" xmlns:a="http://schemas.openxmlformats.org/drawingml/2006/main" uniqueId="urn:microsoft.com/office/officeart/2005/8/layout/pyramid1">
  <dgm:title val=""/>
  <dgm:desc val=""/>
  <dgm:catLst>
    <dgm:cat type="pyramid" pri="1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pyra">
          <dgm:param type="linDir" val="fromB"/>
          <dgm:param type="txDir" val="fromT"/>
          <dgm:param type="pyraAcctPos" val="aft"/>
          <dgm:param type="pyraAcctTxMar" val="step"/>
          <dgm:param type="pyraAcctBkgdNode" val="acctBkgd"/>
          <dgm:param type="pyraAcctTxNode" val="acctTx"/>
          <dgm:param type="pyraLvlNode" val="level"/>
        </dgm:alg>
      </dgm:if>
      <dgm:else name="Name3">
        <dgm:alg type="pyra">
          <dgm:param type="linDir" val="fromB"/>
          <dgm:param type="txDir" val="fromT"/>
          <dgm:param type="pyraAcctPos" val="bef"/>
          <dgm:param type="pyraAcctTxMar" val="step"/>
          <dgm:param type="pyraAcctBkgdNode" val="acctBkgd"/>
          <dgm:param type="pyraAcctTxNode" val="acctTx"/>
          <dgm:param type="pyraLvlNode" val="level"/>
        </dgm:alg>
      </dgm:else>
    </dgm:choose>
    <dgm:shape xmlns:r="http://schemas.openxmlformats.org/officeDocument/2006/relationships" r:blip="">
      <dgm:adjLst/>
    </dgm:shape>
    <dgm:presOf/>
    <dgm:choose name="Name4">
      <dgm:if name="Name5" axis="root des" ptType="all node" func="maxDepth" op="gte" val="2">
        <dgm:constrLst>
          <dgm:constr type="primFontSz" for="des" forName="levelTx" op="equ"/>
          <dgm:constr type="secFontSz" for="des" forName="acctTx" op="equ"/>
          <dgm:constr type="pyraAcctRatio" val="0.32"/>
        </dgm:constrLst>
      </dgm:if>
      <dgm:else name="Name6">
        <dgm:constrLst>
          <dgm:constr type="primFontSz" for="des" forName="levelTx" op="equ"/>
          <dgm:constr type="secFontSz" for="des" forName="acctTx" op="equ"/>
          <dgm:constr type="pyraAcctRatio"/>
        </dgm:constrLst>
      </dgm:else>
    </dgm:choose>
    <dgm:ruleLst/>
    <dgm:forEach name="Name7" axis="ch" ptType="node">
      <dgm:layoutNode name="Name8">
        <dgm:alg type="composite">
          <dgm:param type="horzAlign" val="none"/>
        </dgm:alg>
        <dgm:shape xmlns:r="http://schemas.openxmlformats.org/officeDocument/2006/relationships" r:blip="">
          <dgm:adjLst/>
        </dgm:shape>
        <dgm:presOf/>
        <dgm:choose name="Name9">
          <dgm:if name="Name10" axis="self" ptType="node" func="pos" op="equ" val="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dgm:constr type="h" for="ch" forName="levelTx" refType="h" refFor="ch" refForName="level"/>
            </dgm:constrLst>
          </dgm:if>
          <dgm:else name="Name11">
            <dgm:constrLst>
              <dgm:constr type="ctrX" for="ch" forName="acctBkgd" val="1"/>
              <dgm:constr type="ctrY" for="ch" forName="acctBkgd" val="1"/>
              <dgm:constr type="w" for="ch" forName="acctBkgd" val="1"/>
              <dgm:constr type="h" for="ch" forName="acctBkgd" val="1"/>
              <dgm:constr type="ctrX" for="ch" forName="acctTx" val="1"/>
              <dgm:constr type="ctrY" for="ch" forName="acctTx" val="1"/>
              <dgm:constr type="w" for="ch" forName="acctTx" val="1"/>
              <dgm:constr type="h" for="ch" forName="acctTx" val="1"/>
              <dgm:constr type="ctrX" for="ch" forName="level" val="1"/>
              <dgm:constr type="ctrY" for="ch" forName="level" val="1"/>
              <dgm:constr type="w" for="ch" forName="level" val="1"/>
              <dgm:constr type="h" for="ch" forName="level" val="1"/>
              <dgm:constr type="ctrX" for="ch" forName="levelTx" refType="ctrX" refFor="ch" refForName="level"/>
              <dgm:constr type="ctrY" for="ch" forName="levelTx" refType="ctrY" refFor="ch" refForName="level"/>
              <dgm:constr type="w" for="ch" forName="levelTx" refType="w" refFor="ch" refForName="level" fact="0.65"/>
              <dgm:constr type="h" for="ch" forName="levelTx" refType="h" refFor="ch" refForName="level"/>
            </dgm:constrLst>
          </dgm:else>
        </dgm:choose>
        <dgm:ruleLst/>
        <dgm:choose name="Name12">
          <dgm:if name="Name13" axis="ch" ptType="node" func="cnt" op="gte" val="1">
            <dgm:layoutNode name="acctBkgd" styleLbl="alignAcc1">
              <dgm:alg type="sp"/>
              <dgm:shape xmlns:r="http://schemas.openxmlformats.org/officeDocument/2006/relationships" type="nonIsoscelesTrapezoid" r:blip="">
                <dgm:adjLst/>
              </dgm:shape>
              <dgm:presOf axis="des" ptType="node"/>
              <dgm:constrLst/>
              <dgm:ruleLst/>
            </dgm:layoutNode>
            <dgm:layoutNode name="acctTx" styleLbl="alignAcc1">
              <dgm:varLst>
                <dgm:bulletEnabled val="1"/>
              </dgm:varLst>
              <dgm:alg type="tx">
                <dgm:param type="stBulletLvl" val="1"/>
                <dgm:param type="txAnchorVertCh" val="mid"/>
              </dgm:alg>
              <dgm:shape xmlns:r="http://schemas.openxmlformats.org/officeDocument/2006/relationships" type="nonIsoscelesTrapezoid" r:blip="" hideGeom="1">
                <dgm:adjLst/>
              </dgm:shape>
              <dgm:presOf axis="des" ptType="node"/>
              <dgm:constrLst>
                <dgm:constr type="secFontSz" val="65"/>
                <dgm:constr type="primFontSz" refType="secFontSz"/>
                <dgm:constr type="tMarg" refType="secFontSz" fact="0.3"/>
                <dgm:constr type="bMarg" refType="secFontSz" fact="0.3"/>
                <dgm:constr type="lMarg" refType="secFontSz" fact="0.3"/>
                <dgm:constr type="rMarg" refType="secFontSz" fact="0.3"/>
              </dgm:constrLst>
              <dgm:ruleLst>
                <dgm:rule type="secFontSz" val="5" fact="NaN" max="NaN"/>
              </dgm:ruleLst>
            </dgm:layoutNode>
          </dgm:if>
          <dgm:else name="Name14"/>
        </dgm:choose>
        <dgm:layoutNode name="level">
          <dgm:varLst>
            <dgm:chMax val="1"/>
            <dgm:bulletEnabled val="1"/>
          </dgm:varLst>
          <dgm:alg type="sp"/>
          <dgm:shape xmlns:r="http://schemas.openxmlformats.org/officeDocument/2006/relationships" type="trapezoid" r:blip="">
            <dgm:adjLst/>
          </dgm:shape>
          <dgm:presOf axis="self"/>
          <dgm:constrLst>
            <dgm:constr type="h" val="500"/>
            <dgm:constr type="w" val="1"/>
          </dgm:constrLst>
          <dgm:ruleLst/>
        </dgm:layoutNode>
        <dgm:layoutNode name="levelTx" styleLbl="revTx">
          <dgm:varLst>
            <dgm:chMax val="1"/>
            <dgm:bulletEnabled val="1"/>
          </dgm:varLst>
          <dgm:alg type="tx"/>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atin typeface="Open Sans" panose="020B0606030504020204" pitchFamily="34" charset="0"/>
              </a:defRPr>
            </a:lvl1pPr>
          </a:lstStyle>
          <a:p>
            <a:endParaRPr lang="da-DK"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atin typeface="Open Sans" panose="020B0606030504020204" pitchFamily="34" charset="0"/>
              </a:defRPr>
            </a:lvl1pPr>
          </a:lstStyle>
          <a:p>
            <a:fld id="{DCCB8CF4-8B7D-0347-B5F5-5630D5C5F925}" type="datetimeFigureOut">
              <a:rPr lang="da-DK" smtClean="0"/>
              <a:pPr/>
              <a:t>08-03-2022</a:t>
            </a:fld>
            <a:endParaRPr lang="da-DK" dirty="0"/>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a-DK"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da-DK" dirty="0"/>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atin typeface="Open Sans" panose="020B0606030504020204" pitchFamily="34" charset="0"/>
              </a:defRPr>
            </a:lvl1pPr>
          </a:lstStyle>
          <a:p>
            <a:endParaRPr lang="da-DK"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atin typeface="Open Sans" panose="020B0606030504020204" pitchFamily="34" charset="0"/>
              </a:defRPr>
            </a:lvl1pPr>
          </a:lstStyle>
          <a:p>
            <a:fld id="{D2B0507B-53A2-554C-AE98-86FCF7152BA5}" type="slidenum">
              <a:rPr lang="da-DK" smtClean="0"/>
              <a:pPr/>
              <a:t>‹nr.›</a:t>
            </a:fld>
            <a:endParaRPr lang="da-DK" dirty="0"/>
          </a:p>
        </p:txBody>
      </p:sp>
    </p:spTree>
    <p:extLst>
      <p:ext uri="{BB962C8B-B14F-4D97-AF65-F5344CB8AC3E}">
        <p14:creationId xmlns:p14="http://schemas.microsoft.com/office/powerpoint/2010/main" val="396820194"/>
      </p:ext>
    </p:extLst>
  </p:cSld>
  <p:clrMap bg1="lt1" tx1="dk1" bg2="lt2" tx2="dk2" accent1="accent1" accent2="accent2" accent3="accent3" accent4="accent4" accent5="accent5" accent6="accent6" hlink="hlink" folHlink="folHlink"/>
  <p:notesStyle>
    <a:lvl1pPr marL="0" algn="l" defTabSz="967527" rtl="0" eaLnBrk="1" latinLnBrk="0" hangingPunct="1">
      <a:defRPr sz="1270" kern="1200">
        <a:solidFill>
          <a:schemeClr val="tx1"/>
        </a:solidFill>
        <a:latin typeface="Open Sans" panose="020B0606030504020204" pitchFamily="34" charset="0"/>
        <a:ea typeface="+mn-ea"/>
        <a:cs typeface="+mn-cs"/>
      </a:defRPr>
    </a:lvl1pPr>
    <a:lvl2pPr marL="483763" algn="l" defTabSz="967527" rtl="0" eaLnBrk="1" latinLnBrk="0" hangingPunct="1">
      <a:defRPr sz="1270" kern="1200">
        <a:solidFill>
          <a:schemeClr val="tx1"/>
        </a:solidFill>
        <a:latin typeface="Open Sans" panose="020B0606030504020204" pitchFamily="34" charset="0"/>
        <a:ea typeface="+mn-ea"/>
        <a:cs typeface="+mn-cs"/>
      </a:defRPr>
    </a:lvl2pPr>
    <a:lvl3pPr marL="967527" algn="l" defTabSz="967527" rtl="0" eaLnBrk="1" latinLnBrk="0" hangingPunct="1">
      <a:defRPr sz="1270" kern="1200">
        <a:solidFill>
          <a:schemeClr val="tx1"/>
        </a:solidFill>
        <a:latin typeface="Open Sans" panose="020B0606030504020204" pitchFamily="34" charset="0"/>
        <a:ea typeface="+mn-ea"/>
        <a:cs typeface="+mn-cs"/>
      </a:defRPr>
    </a:lvl3pPr>
    <a:lvl4pPr marL="1451290" algn="l" defTabSz="967527" rtl="0" eaLnBrk="1" latinLnBrk="0" hangingPunct="1">
      <a:defRPr sz="1270" kern="1200">
        <a:solidFill>
          <a:schemeClr val="tx1"/>
        </a:solidFill>
        <a:latin typeface="Open Sans" panose="020B0606030504020204" pitchFamily="34" charset="0"/>
        <a:ea typeface="+mn-ea"/>
        <a:cs typeface="+mn-cs"/>
      </a:defRPr>
    </a:lvl4pPr>
    <a:lvl5pPr marL="1935053" algn="l" defTabSz="967527" rtl="0" eaLnBrk="1" latinLnBrk="0" hangingPunct="1">
      <a:defRPr sz="1270" kern="1200">
        <a:solidFill>
          <a:schemeClr val="tx1"/>
        </a:solidFill>
        <a:latin typeface="Open Sans" panose="020B0606030504020204" pitchFamily="34" charset="0"/>
        <a:ea typeface="+mn-ea"/>
        <a:cs typeface="+mn-cs"/>
      </a:defRPr>
    </a:lvl5pPr>
    <a:lvl6pPr marL="2418817" algn="l" defTabSz="967527" rtl="0" eaLnBrk="1" latinLnBrk="0" hangingPunct="1">
      <a:defRPr sz="1270" kern="1200">
        <a:solidFill>
          <a:schemeClr val="tx1"/>
        </a:solidFill>
        <a:latin typeface="+mn-lt"/>
        <a:ea typeface="+mn-ea"/>
        <a:cs typeface="+mn-cs"/>
      </a:defRPr>
    </a:lvl6pPr>
    <a:lvl7pPr marL="2902580" algn="l" defTabSz="967527" rtl="0" eaLnBrk="1" latinLnBrk="0" hangingPunct="1">
      <a:defRPr sz="1270" kern="1200">
        <a:solidFill>
          <a:schemeClr val="tx1"/>
        </a:solidFill>
        <a:latin typeface="+mn-lt"/>
        <a:ea typeface="+mn-ea"/>
        <a:cs typeface="+mn-cs"/>
      </a:defRPr>
    </a:lvl7pPr>
    <a:lvl8pPr marL="3386343" algn="l" defTabSz="967527" rtl="0" eaLnBrk="1" latinLnBrk="0" hangingPunct="1">
      <a:defRPr sz="1270" kern="1200">
        <a:solidFill>
          <a:schemeClr val="tx1"/>
        </a:solidFill>
        <a:latin typeface="+mn-lt"/>
        <a:ea typeface="+mn-ea"/>
        <a:cs typeface="+mn-cs"/>
      </a:defRPr>
    </a:lvl8pPr>
    <a:lvl9pPr marL="3870107" algn="l" defTabSz="967527" rtl="0" eaLnBrk="1" latinLnBrk="0" hangingPunct="1">
      <a:defRPr sz="127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lgn="l">
              <a:buFont typeface="+mj-lt"/>
              <a:buNone/>
            </a:pPr>
            <a:endParaRPr lang="da-DK" sz="1200" b="0" i="0" dirty="0"/>
          </a:p>
        </p:txBody>
      </p:sp>
      <p:sp>
        <p:nvSpPr>
          <p:cNvPr id="4" name="Slide Number Placeholder 3"/>
          <p:cNvSpPr>
            <a:spLocks noGrp="1"/>
          </p:cNvSpPr>
          <p:nvPr>
            <p:ph type="sldNum" sz="quarter" idx="5"/>
          </p:nvPr>
        </p:nvSpPr>
        <p:spPr/>
        <p:txBody>
          <a:bodyPr/>
          <a:lstStyle/>
          <a:p>
            <a:fld id="{D2B0507B-53A2-554C-AE98-86FCF7152BA5}" type="slidenum">
              <a:rPr lang="da-DK" smtClean="0"/>
              <a:pPr/>
              <a:t>1</a:t>
            </a:fld>
            <a:endParaRPr lang="da-DK" dirty="0"/>
          </a:p>
        </p:txBody>
      </p:sp>
    </p:spTree>
    <p:extLst>
      <p:ext uri="{BB962C8B-B14F-4D97-AF65-F5344CB8AC3E}">
        <p14:creationId xmlns:p14="http://schemas.microsoft.com/office/powerpoint/2010/main" val="425170031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lgn="l">
              <a:buFont typeface="+mj-lt"/>
              <a:buNone/>
            </a:pPr>
            <a:endParaRPr lang="da-DK" sz="1200" b="0" i="0" dirty="0"/>
          </a:p>
        </p:txBody>
      </p:sp>
      <p:sp>
        <p:nvSpPr>
          <p:cNvPr id="4" name="Slide Number Placeholder 3"/>
          <p:cNvSpPr>
            <a:spLocks noGrp="1"/>
          </p:cNvSpPr>
          <p:nvPr>
            <p:ph type="sldNum" sz="quarter" idx="5"/>
          </p:nvPr>
        </p:nvSpPr>
        <p:spPr/>
        <p:txBody>
          <a:bodyPr/>
          <a:lstStyle/>
          <a:p>
            <a:fld id="{D2B0507B-53A2-554C-AE98-86FCF7152BA5}" type="slidenum">
              <a:rPr lang="da-DK" smtClean="0"/>
              <a:pPr/>
              <a:t>18</a:t>
            </a:fld>
            <a:endParaRPr lang="da-DK" dirty="0"/>
          </a:p>
        </p:txBody>
      </p:sp>
    </p:spTree>
    <p:extLst>
      <p:ext uri="{BB962C8B-B14F-4D97-AF65-F5344CB8AC3E}">
        <p14:creationId xmlns:p14="http://schemas.microsoft.com/office/powerpoint/2010/main" val="247805656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0363CA61-F1AF-4B38-8449-D33B60A06564}" type="slidenum">
              <a:rPr kumimoji="0" lang="da-DK" sz="1200" b="0" i="0" u="none" strike="noStrike" kern="1200" cap="none" spc="0" normalizeH="0" baseline="0" noProof="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2</a:t>
            </a:fld>
            <a:endParaRPr kumimoji="0" lang="da-DK"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23568118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pPr marL="0" marR="0" lvl="0" indent="0" algn="r" defTabSz="967527" rtl="0" eaLnBrk="1" fontAlgn="auto" latinLnBrk="0" hangingPunct="1">
              <a:lnSpc>
                <a:spcPct val="100000"/>
              </a:lnSpc>
              <a:spcBef>
                <a:spcPts val="0"/>
              </a:spcBef>
              <a:spcAft>
                <a:spcPts val="0"/>
              </a:spcAft>
              <a:buClrTx/>
              <a:buSzTx/>
              <a:buFontTx/>
              <a:buNone/>
              <a:tabLst/>
              <a:defRPr/>
            </a:pPr>
            <a:fld id="{D2B0507B-53A2-554C-AE98-86FCF7152BA5}" type="slidenum">
              <a:rPr kumimoji="0" lang="da-DK" sz="1200" b="0" i="0" u="none" strike="noStrike" kern="1200" cap="none" spc="0" normalizeH="0" baseline="0" noProof="0">
                <a:ln>
                  <a:noFill/>
                </a:ln>
                <a:solidFill>
                  <a:prstClr val="black"/>
                </a:solidFill>
                <a:effectLst/>
                <a:uLnTx/>
                <a:uFillTx/>
                <a:latin typeface="Open Sans" panose="020B0606030504020204" pitchFamily="34" charset="0"/>
                <a:ea typeface="+mn-ea"/>
                <a:cs typeface="+mn-cs"/>
              </a:rPr>
              <a:pPr marL="0" marR="0" lvl="0" indent="0" algn="r" defTabSz="967527" rtl="0" eaLnBrk="1" fontAlgn="auto" latinLnBrk="0" hangingPunct="1">
                <a:lnSpc>
                  <a:spcPct val="100000"/>
                </a:lnSpc>
                <a:spcBef>
                  <a:spcPts val="0"/>
                </a:spcBef>
                <a:spcAft>
                  <a:spcPts val="0"/>
                </a:spcAft>
                <a:buClrTx/>
                <a:buSzTx/>
                <a:buFontTx/>
                <a:buNone/>
                <a:tabLst/>
                <a:defRPr/>
              </a:pPr>
              <a:t>4</a:t>
            </a:fld>
            <a:endParaRPr kumimoji="0" lang="da-DK" sz="1200" b="0" i="0" u="none" strike="noStrike" kern="1200" cap="none" spc="0" normalizeH="0" baseline="0" noProof="0" dirty="0">
              <a:ln>
                <a:noFill/>
              </a:ln>
              <a:solidFill>
                <a:prstClr val="black"/>
              </a:solidFill>
              <a:effectLst/>
              <a:uLnTx/>
              <a:uFillTx/>
              <a:latin typeface="Open Sans" panose="020B0606030504020204" pitchFamily="34" charset="0"/>
              <a:ea typeface="+mn-ea"/>
              <a:cs typeface="+mn-cs"/>
            </a:endParaRPr>
          </a:p>
        </p:txBody>
      </p:sp>
    </p:spTree>
    <p:extLst>
      <p:ext uri="{BB962C8B-B14F-4D97-AF65-F5344CB8AC3E}">
        <p14:creationId xmlns:p14="http://schemas.microsoft.com/office/powerpoint/2010/main" val="224157737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lgn="l">
              <a:buFont typeface="+mj-lt"/>
              <a:buNone/>
            </a:pPr>
            <a:endParaRPr lang="da-DK" sz="1200" b="0" i="0" dirty="0"/>
          </a:p>
        </p:txBody>
      </p:sp>
      <p:sp>
        <p:nvSpPr>
          <p:cNvPr id="4" name="Slide Number Placeholder 3"/>
          <p:cNvSpPr>
            <a:spLocks noGrp="1"/>
          </p:cNvSpPr>
          <p:nvPr>
            <p:ph type="sldNum" sz="quarter" idx="5"/>
          </p:nvPr>
        </p:nvSpPr>
        <p:spPr/>
        <p:txBody>
          <a:bodyPr/>
          <a:lstStyle/>
          <a:p>
            <a:fld id="{D2B0507B-53A2-554C-AE98-86FCF7152BA5}" type="slidenum">
              <a:rPr lang="da-DK" smtClean="0"/>
              <a:pPr/>
              <a:t>5</a:t>
            </a:fld>
            <a:endParaRPr lang="da-DK" dirty="0"/>
          </a:p>
        </p:txBody>
      </p:sp>
    </p:spTree>
    <p:extLst>
      <p:ext uri="{BB962C8B-B14F-4D97-AF65-F5344CB8AC3E}">
        <p14:creationId xmlns:p14="http://schemas.microsoft.com/office/powerpoint/2010/main" val="332150158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D2B0507B-53A2-554C-AE98-86FCF7152BA5}" type="slidenum">
              <a:rPr lang="da-DK" smtClean="0"/>
              <a:pPr/>
              <a:t>8</a:t>
            </a:fld>
            <a:endParaRPr lang="da-DK" dirty="0"/>
          </a:p>
        </p:txBody>
      </p:sp>
    </p:spTree>
    <p:extLst>
      <p:ext uri="{BB962C8B-B14F-4D97-AF65-F5344CB8AC3E}">
        <p14:creationId xmlns:p14="http://schemas.microsoft.com/office/powerpoint/2010/main" val="2896912508"/>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lgn="l">
              <a:buFont typeface="+mj-lt"/>
              <a:buNone/>
            </a:pPr>
            <a:endParaRPr lang="da-DK" sz="1200" b="0" i="0" dirty="0"/>
          </a:p>
        </p:txBody>
      </p:sp>
      <p:sp>
        <p:nvSpPr>
          <p:cNvPr id="4" name="Slide Number Placeholder 3"/>
          <p:cNvSpPr>
            <a:spLocks noGrp="1"/>
          </p:cNvSpPr>
          <p:nvPr>
            <p:ph type="sldNum" sz="quarter" idx="5"/>
          </p:nvPr>
        </p:nvSpPr>
        <p:spPr/>
        <p:txBody>
          <a:bodyPr/>
          <a:lstStyle/>
          <a:p>
            <a:fld id="{D2B0507B-53A2-554C-AE98-86FCF7152BA5}" type="slidenum">
              <a:rPr lang="da-DK" smtClean="0"/>
              <a:pPr/>
              <a:t>11</a:t>
            </a:fld>
            <a:endParaRPr lang="da-DK" dirty="0"/>
          </a:p>
        </p:txBody>
      </p:sp>
    </p:spTree>
    <p:extLst>
      <p:ext uri="{BB962C8B-B14F-4D97-AF65-F5344CB8AC3E}">
        <p14:creationId xmlns:p14="http://schemas.microsoft.com/office/powerpoint/2010/main" val="125492828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1" dirty="0"/>
              <a:t>10 jobprofiler, der skiller sig ud</a:t>
            </a:r>
            <a:r>
              <a:rPr lang="da-DK" dirty="0"/>
              <a:t>: markant vækst i efterspørgslen de seneste 5 år (2015-2020)</a:t>
            </a:r>
          </a:p>
          <a:p>
            <a:endParaRPr lang="da-DK" dirty="0"/>
          </a:p>
          <a:p>
            <a:r>
              <a:rPr lang="da-DK" b="1" dirty="0"/>
              <a:t>Integratorer </a:t>
            </a:r>
            <a:r>
              <a:rPr lang="da-DK" b="1" dirty="0" err="1"/>
              <a:t>vs</a:t>
            </a:r>
            <a:r>
              <a:rPr lang="da-DK" b="1" dirty="0"/>
              <a:t> specialister</a:t>
            </a:r>
          </a:p>
          <a:p>
            <a:endParaRPr lang="da-DK" dirty="0"/>
          </a:p>
          <a:p>
            <a:r>
              <a:rPr lang="da-DK" b="1" dirty="0"/>
              <a:t>Andre kompetencer end IT og intern læring bliver vigtigere</a:t>
            </a:r>
            <a:r>
              <a:rPr lang="da-DK" dirty="0"/>
              <a:t>: Direkte gevinster at hente ved hjælp af IT-specialister, men skal vi udbytte digitaliseringsmulighederne endnu bedre, så er der behov for også at fokusere på andre profiler og de organisatoriske samspil internt i virksomheden (HBS):</a:t>
            </a:r>
          </a:p>
          <a:p>
            <a:endParaRPr lang="da-DK" dirty="0"/>
          </a:p>
          <a:p>
            <a:r>
              <a:rPr lang="da-DK" dirty="0"/>
              <a:t>Hvad er digitale kompetencer</a:t>
            </a:r>
          </a:p>
          <a:p>
            <a:endParaRPr lang="da-DK" dirty="0"/>
          </a:p>
          <a:p>
            <a:pPr marL="171450" indent="-171450">
              <a:buFontTx/>
              <a:buChar char="-"/>
            </a:pPr>
            <a:r>
              <a:rPr lang="da-DK" dirty="0"/>
              <a:t>Integratorer: Agil organisation, ledelse, hybrid </a:t>
            </a:r>
            <a:r>
              <a:rPr lang="da-DK" dirty="0" err="1"/>
              <a:t>work</a:t>
            </a:r>
            <a:r>
              <a:rPr lang="da-DK" dirty="0"/>
              <a:t> og rammer der skal skabe vilkår for digital transformation (danske Bank), </a:t>
            </a:r>
            <a:r>
              <a:rPr lang="da-DK" dirty="0" err="1"/>
              <a:t>Cyber</a:t>
            </a:r>
            <a:r>
              <a:rPr lang="da-DK" dirty="0"/>
              <a:t> </a:t>
            </a:r>
            <a:r>
              <a:rPr lang="da-DK" dirty="0" err="1"/>
              <a:t>Awareness</a:t>
            </a:r>
            <a:r>
              <a:rPr lang="da-DK" dirty="0"/>
              <a:t> (</a:t>
            </a:r>
            <a:r>
              <a:rPr lang="da-DK" dirty="0" err="1"/>
              <a:t>co</a:t>
            </a:r>
            <a:r>
              <a:rPr lang="da-DK" dirty="0"/>
              <a:t>-lab hvor bl.a. Tryg er med)</a:t>
            </a:r>
          </a:p>
          <a:p>
            <a:pPr marL="171450" indent="-171450">
              <a:buFontTx/>
              <a:buChar char="-"/>
            </a:pPr>
            <a:r>
              <a:rPr lang="da-DK" dirty="0"/>
              <a:t>Specialister: kernesystemer back-end og kundevendte løsninger front end (Danske Bank), IT-sikkerhedsspecialister der kan kode, udvikle og teste systemer og </a:t>
            </a:r>
            <a:r>
              <a:rPr lang="da-DK" dirty="0" err="1"/>
              <a:t>DevSecOps</a:t>
            </a:r>
            <a:endParaRPr lang="da-DK" dirty="0"/>
          </a:p>
        </p:txBody>
      </p:sp>
      <p:sp>
        <p:nvSpPr>
          <p:cNvPr id="4" name="Pladsholder til slidenummer 3"/>
          <p:cNvSpPr>
            <a:spLocks noGrp="1"/>
          </p:cNvSpPr>
          <p:nvPr>
            <p:ph type="sldNum" sz="quarter" idx="5"/>
          </p:nvPr>
        </p:nvSpPr>
        <p:spPr/>
        <p:txBody>
          <a:bodyPr/>
          <a:lstStyle/>
          <a:p>
            <a:fld id="{AFFE2CB3-8780-4D42-92BF-CF85FC005597}" type="slidenum">
              <a:rPr lang="da-DK" smtClean="0"/>
              <a:t>13</a:t>
            </a:fld>
            <a:endParaRPr lang="da-DK"/>
          </a:p>
        </p:txBody>
      </p:sp>
    </p:spTree>
    <p:extLst>
      <p:ext uri="{BB962C8B-B14F-4D97-AF65-F5344CB8AC3E}">
        <p14:creationId xmlns:p14="http://schemas.microsoft.com/office/powerpoint/2010/main" val="28245300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Hvordan kan</a:t>
            </a:r>
            <a:r>
              <a:rPr lang="da-DK" baseline="0" dirty="0"/>
              <a:t> uddannelse være et </a:t>
            </a:r>
            <a:r>
              <a:rPr lang="da-DK" baseline="0" dirty="0" err="1"/>
              <a:t>triple</a:t>
            </a:r>
            <a:r>
              <a:rPr lang="da-DK" baseline="0" dirty="0"/>
              <a:t> </a:t>
            </a:r>
            <a:r>
              <a:rPr lang="da-DK" baseline="0" dirty="0" err="1"/>
              <a:t>win</a:t>
            </a:r>
            <a:r>
              <a:rPr lang="da-DK" baseline="0" dirty="0"/>
              <a:t>?</a:t>
            </a:r>
            <a:endParaRPr lang="da-DK" dirty="0"/>
          </a:p>
        </p:txBody>
      </p:sp>
      <p:sp>
        <p:nvSpPr>
          <p:cNvPr id="4" name="Pladsholder til slidenummer 3"/>
          <p:cNvSpPr>
            <a:spLocks noGrp="1"/>
          </p:cNvSpPr>
          <p:nvPr>
            <p:ph type="sldNum" sz="quarter" idx="10"/>
          </p:nvPr>
        </p:nvSpPr>
        <p:spPr/>
        <p:txBody>
          <a:bodyPr/>
          <a:lstStyle/>
          <a:p>
            <a:fld id="{89DFF1DC-2E3F-4E26-8E22-6AA9F1651333}" type="slidenum">
              <a:rPr lang="da-DK" smtClean="0"/>
              <a:pPr/>
              <a:t>15</a:t>
            </a:fld>
            <a:endParaRPr lang="da-DK"/>
          </a:p>
        </p:txBody>
      </p:sp>
    </p:spTree>
    <p:extLst>
      <p:ext uri="{BB962C8B-B14F-4D97-AF65-F5344CB8AC3E}">
        <p14:creationId xmlns:p14="http://schemas.microsoft.com/office/powerpoint/2010/main" val="269076121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lgn="l">
              <a:buFont typeface="+mj-lt"/>
              <a:buNone/>
            </a:pPr>
            <a:endParaRPr lang="da-DK" sz="1200" b="0" i="0" dirty="0"/>
          </a:p>
        </p:txBody>
      </p:sp>
      <p:sp>
        <p:nvSpPr>
          <p:cNvPr id="4" name="Slide Number Placeholder 3"/>
          <p:cNvSpPr>
            <a:spLocks noGrp="1"/>
          </p:cNvSpPr>
          <p:nvPr>
            <p:ph type="sldNum" sz="quarter" idx="5"/>
          </p:nvPr>
        </p:nvSpPr>
        <p:spPr/>
        <p:txBody>
          <a:bodyPr/>
          <a:lstStyle/>
          <a:p>
            <a:fld id="{D2B0507B-53A2-554C-AE98-86FCF7152BA5}" type="slidenum">
              <a:rPr lang="da-DK" smtClean="0"/>
              <a:pPr/>
              <a:t>16</a:t>
            </a:fld>
            <a:endParaRPr lang="da-DK" dirty="0"/>
          </a:p>
        </p:txBody>
      </p:sp>
    </p:spTree>
    <p:extLst>
      <p:ext uri="{BB962C8B-B14F-4D97-AF65-F5344CB8AC3E}">
        <p14:creationId xmlns:p14="http://schemas.microsoft.com/office/powerpoint/2010/main" val="184592856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slide, baggrundsbillede">
    <p:spTree>
      <p:nvGrpSpPr>
        <p:cNvPr id="1" name=""/>
        <p:cNvGrpSpPr/>
        <p:nvPr/>
      </p:nvGrpSpPr>
      <p:grpSpPr>
        <a:xfrm>
          <a:off x="0" y="0"/>
          <a:ext cx="0" cy="0"/>
          <a:chOff x="0" y="0"/>
          <a:chExt cx="0" cy="0"/>
        </a:xfrm>
      </p:grpSpPr>
      <p:pic>
        <p:nvPicPr>
          <p:cNvPr id="4" name="Picture Placeholder 6">
            <a:extLst>
              <a:ext uri="{FF2B5EF4-FFF2-40B4-BE49-F238E27FC236}">
                <a16:creationId xmlns:a16="http://schemas.microsoft.com/office/drawing/2014/main" id="{1A37CCCC-3E44-4E0A-B8C3-516839056784}"/>
              </a:ext>
            </a:extLst>
          </p:cNvPr>
          <p:cNvPicPr>
            <a:picLocks/>
          </p:cNvPicPr>
          <p:nvPr userDrawn="1"/>
        </p:nvPicPr>
        <p:blipFill rotWithShape="1">
          <a:blip r:embed="rId2"/>
          <a:srcRect t="28" b="28"/>
          <a:stretch/>
        </p:blipFill>
        <p:spPr>
          <a:xfrm>
            <a:off x="0" y="1"/>
            <a:ext cx="12188825" cy="6858000"/>
          </a:xfrm>
          <a:prstGeom prst="rect">
            <a:avLst/>
          </a:prstGeom>
        </p:spPr>
      </p:pic>
      <p:sp>
        <p:nvSpPr>
          <p:cNvPr id="2" name="Title 1"/>
          <p:cNvSpPr>
            <a:spLocks noGrp="1"/>
          </p:cNvSpPr>
          <p:nvPr>
            <p:ph type="ctrTitle" hasCustomPrompt="1"/>
          </p:nvPr>
        </p:nvSpPr>
        <p:spPr>
          <a:xfrm>
            <a:off x="1523603" y="1409570"/>
            <a:ext cx="9141619" cy="1493572"/>
          </a:xfrm>
          <a:prstGeom prst="rect">
            <a:avLst/>
          </a:prstGeom>
        </p:spPr>
        <p:txBody>
          <a:bodyPr anchor="b" anchorCtr="0">
            <a:normAutofit/>
          </a:bodyPr>
          <a:lstStyle>
            <a:lvl1pPr algn="ctr">
              <a:defRPr sz="4867">
                <a:solidFill>
                  <a:schemeClr val="tx1"/>
                </a:solidFill>
                <a:latin typeface="Open Sans Light" panose="020B0306030504020204" pitchFamily="34" charset="0"/>
                <a:ea typeface="Open Sans Light" panose="020B0306030504020204" pitchFamily="34" charset="0"/>
                <a:cs typeface="Open Sans Light" panose="020B0306030504020204" pitchFamily="34" charset="0"/>
              </a:defRPr>
            </a:lvl1pPr>
          </a:lstStyle>
          <a:p>
            <a:r>
              <a:rPr lang="da-DK" dirty="0"/>
              <a:t>Klik for at tilføje titel</a:t>
            </a:r>
          </a:p>
        </p:txBody>
      </p:sp>
      <p:sp>
        <p:nvSpPr>
          <p:cNvPr id="3" name="Subtitle 2"/>
          <p:cNvSpPr>
            <a:spLocks noGrp="1"/>
          </p:cNvSpPr>
          <p:nvPr>
            <p:ph type="subTitle" idx="1" hasCustomPrompt="1"/>
          </p:nvPr>
        </p:nvSpPr>
        <p:spPr>
          <a:xfrm>
            <a:off x="1523603" y="3047918"/>
            <a:ext cx="9141619" cy="1655762"/>
          </a:xfrm>
          <a:prstGeom prst="rect">
            <a:avLst/>
          </a:prstGeom>
        </p:spPr>
        <p:txBody>
          <a:bodyPr anchor="ctr" anchorCtr="0"/>
          <a:lstStyle>
            <a:lvl1pPr marL="0" indent="0" algn="ctr">
              <a:buNone/>
              <a:defRPr sz="2751" b="0" i="0">
                <a:solidFill>
                  <a:schemeClr val="tx1"/>
                </a:solidFill>
                <a:latin typeface="+mn-lt"/>
                <a:ea typeface="Open Sans Light" panose="020B0306030504020204" pitchFamily="34" charset="0"/>
                <a:cs typeface="Open Sans Light" panose="020B0306030504020204" pitchFamily="34" charset="0"/>
              </a:defRPr>
            </a:lvl1pPr>
            <a:lvl2pPr marL="457064" indent="0" algn="ctr">
              <a:buNone/>
              <a:defRPr sz="2000"/>
            </a:lvl2pPr>
            <a:lvl3pPr marL="914130" indent="0" algn="ctr">
              <a:buNone/>
              <a:defRPr sz="1800"/>
            </a:lvl3pPr>
            <a:lvl4pPr marL="1371194" indent="0" algn="ctr">
              <a:buNone/>
              <a:defRPr sz="1600"/>
            </a:lvl4pPr>
            <a:lvl5pPr marL="1828259" indent="0" algn="ctr">
              <a:buNone/>
              <a:defRPr sz="1600"/>
            </a:lvl5pPr>
            <a:lvl6pPr marL="2285323" indent="0" algn="ctr">
              <a:buNone/>
              <a:defRPr sz="1600"/>
            </a:lvl6pPr>
            <a:lvl7pPr marL="2742389" indent="0" algn="ctr">
              <a:buNone/>
              <a:defRPr sz="1600"/>
            </a:lvl7pPr>
            <a:lvl8pPr marL="3199453" indent="0" algn="ctr">
              <a:buNone/>
              <a:defRPr sz="1600"/>
            </a:lvl8pPr>
            <a:lvl9pPr marL="3656518" indent="0" algn="ctr">
              <a:buNone/>
              <a:defRPr sz="1600"/>
            </a:lvl9pPr>
          </a:lstStyle>
          <a:p>
            <a:r>
              <a:rPr lang="da-DK" dirty="0"/>
              <a:t>Klik for at tilføje undertitel</a:t>
            </a:r>
          </a:p>
        </p:txBody>
      </p:sp>
      <p:sp>
        <p:nvSpPr>
          <p:cNvPr id="9" name="Text Placeholder Logo">
            <a:extLst>
              <a:ext uri="{FF2B5EF4-FFF2-40B4-BE49-F238E27FC236}">
                <a16:creationId xmlns:a16="http://schemas.microsoft.com/office/drawing/2014/main" id="{10B5A285-6811-46A9-8294-A93C922E6106}"/>
              </a:ext>
            </a:extLst>
          </p:cNvPr>
          <p:cNvSpPr>
            <a:spLocks noGrp="1"/>
          </p:cNvSpPr>
          <p:nvPr>
            <p:ph type="body" sz="quarter" idx="14" hasCustomPrompt="1"/>
          </p:nvPr>
        </p:nvSpPr>
        <p:spPr>
          <a:xfrm>
            <a:off x="30471" y="68578"/>
            <a:ext cx="1813011" cy="1032482"/>
          </a:xfrm>
          <a:blipFill>
            <a:blip r:embed="rId3"/>
            <a:stretch>
              <a:fillRect/>
            </a:stretch>
          </a:blipFill>
        </p:spPr>
        <p:txBody>
          <a:bodyPr>
            <a:normAutofit/>
          </a:bodyPr>
          <a:lstStyle>
            <a:lvl1pPr marL="0" indent="0">
              <a:buNone/>
              <a:defRPr sz="106"/>
            </a:lvl1pPr>
          </a:lstStyle>
          <a:p>
            <a:pPr lvl="0"/>
            <a:r>
              <a:rPr lang="da-DK" dirty="0"/>
              <a:t>.</a:t>
            </a:r>
          </a:p>
        </p:txBody>
      </p:sp>
    </p:spTree>
    <p:extLst>
      <p:ext uri="{BB962C8B-B14F-4D97-AF65-F5344CB8AC3E}">
        <p14:creationId xmlns:p14="http://schemas.microsoft.com/office/powerpoint/2010/main" val="214895860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slide, grå">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FE13606D-9E79-174F-A198-BE7BC6697058}"/>
              </a:ext>
            </a:extLst>
          </p:cNvPr>
          <p:cNvSpPr/>
          <p:nvPr userDrawn="1"/>
        </p:nvSpPr>
        <p:spPr>
          <a:xfrm>
            <a:off x="1" y="0"/>
            <a:ext cx="12187082" cy="6159471"/>
          </a:xfrm>
          <a:prstGeom prst="rect">
            <a:avLst/>
          </a:prstGeom>
          <a:solidFill>
            <a:srgbClr val="D7D8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a:latin typeface="Open Sans" panose="020B0606030504020204" pitchFamily="34" charset="0"/>
            </a:endParaRPr>
          </a:p>
        </p:txBody>
      </p:sp>
      <p:sp>
        <p:nvSpPr>
          <p:cNvPr id="7" name="Snip Single Corner Rectangle 9">
            <a:extLst>
              <a:ext uri="{FF2B5EF4-FFF2-40B4-BE49-F238E27FC236}">
                <a16:creationId xmlns:a16="http://schemas.microsoft.com/office/drawing/2014/main" id="{A9C953DF-FB9A-9948-82D1-5F81CAE2ECA7}"/>
              </a:ext>
            </a:extLst>
          </p:cNvPr>
          <p:cNvSpPr/>
          <p:nvPr userDrawn="1"/>
        </p:nvSpPr>
        <p:spPr>
          <a:xfrm rot="10800000">
            <a:off x="0" y="2284326"/>
            <a:ext cx="9558376" cy="3875144"/>
          </a:xfrm>
          <a:custGeom>
            <a:avLst/>
            <a:gdLst>
              <a:gd name="connsiteX0" fmla="*/ 0 w 3822192"/>
              <a:gd name="connsiteY0" fmla="*/ 0 h 2615184"/>
              <a:gd name="connsiteX1" fmla="*/ 3386319 w 3822192"/>
              <a:gd name="connsiteY1" fmla="*/ 0 h 2615184"/>
              <a:gd name="connsiteX2" fmla="*/ 3822192 w 3822192"/>
              <a:gd name="connsiteY2" fmla="*/ 435873 h 2615184"/>
              <a:gd name="connsiteX3" fmla="*/ 3822192 w 3822192"/>
              <a:gd name="connsiteY3" fmla="*/ 2615184 h 2615184"/>
              <a:gd name="connsiteX4" fmla="*/ 0 w 3822192"/>
              <a:gd name="connsiteY4" fmla="*/ 2615184 h 2615184"/>
              <a:gd name="connsiteX5" fmla="*/ 0 w 3822192"/>
              <a:gd name="connsiteY5" fmla="*/ 0 h 2615184"/>
              <a:gd name="connsiteX0" fmla="*/ 0 w 3822192"/>
              <a:gd name="connsiteY0" fmla="*/ 0 h 2615184"/>
              <a:gd name="connsiteX1" fmla="*/ 3822192 w 3822192"/>
              <a:gd name="connsiteY1" fmla="*/ 435873 h 2615184"/>
              <a:gd name="connsiteX2" fmla="*/ 3822192 w 3822192"/>
              <a:gd name="connsiteY2" fmla="*/ 2615184 h 2615184"/>
              <a:gd name="connsiteX3" fmla="*/ 0 w 3822192"/>
              <a:gd name="connsiteY3" fmla="*/ 2615184 h 2615184"/>
              <a:gd name="connsiteX4" fmla="*/ 0 w 3822192"/>
              <a:gd name="connsiteY4" fmla="*/ 0 h 2615184"/>
              <a:gd name="connsiteX0" fmla="*/ 0 w 3822192"/>
              <a:gd name="connsiteY0" fmla="*/ 431460 h 3046644"/>
              <a:gd name="connsiteX1" fmla="*/ 3822192 w 3822192"/>
              <a:gd name="connsiteY1" fmla="*/ 0 h 3046644"/>
              <a:gd name="connsiteX2" fmla="*/ 3822192 w 3822192"/>
              <a:gd name="connsiteY2" fmla="*/ 3046644 h 3046644"/>
              <a:gd name="connsiteX3" fmla="*/ 0 w 3822192"/>
              <a:gd name="connsiteY3" fmla="*/ 3046644 h 3046644"/>
              <a:gd name="connsiteX4" fmla="*/ 0 w 3822192"/>
              <a:gd name="connsiteY4" fmla="*/ 431460 h 30466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22192" h="3046644">
                <a:moveTo>
                  <a:pt x="0" y="431460"/>
                </a:moveTo>
                <a:lnTo>
                  <a:pt x="3822192" y="0"/>
                </a:lnTo>
                <a:lnTo>
                  <a:pt x="3822192" y="3046644"/>
                </a:lnTo>
                <a:lnTo>
                  <a:pt x="0" y="3046644"/>
                </a:lnTo>
                <a:lnTo>
                  <a:pt x="0" y="431460"/>
                </a:lnTo>
                <a:close/>
              </a:path>
            </a:pathLst>
          </a:custGeom>
          <a:solidFill>
            <a:srgbClr val="8A8B8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a:latin typeface="Open Sans" panose="020B0606030504020204" pitchFamily="34" charset="0"/>
            </a:endParaRPr>
          </a:p>
        </p:txBody>
      </p:sp>
      <p:sp>
        <p:nvSpPr>
          <p:cNvPr id="8" name="Freeform 7">
            <a:extLst>
              <a:ext uri="{FF2B5EF4-FFF2-40B4-BE49-F238E27FC236}">
                <a16:creationId xmlns:a16="http://schemas.microsoft.com/office/drawing/2014/main" id="{EF499B42-6295-4A42-82E4-BB4D92741457}"/>
              </a:ext>
            </a:extLst>
          </p:cNvPr>
          <p:cNvSpPr/>
          <p:nvPr userDrawn="1"/>
        </p:nvSpPr>
        <p:spPr>
          <a:xfrm>
            <a:off x="-1000" y="5615786"/>
            <a:ext cx="12195970" cy="1242214"/>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496"/>
              <a:gd name="connsiteY0" fmla="*/ 542140 h 6495385"/>
              <a:gd name="connsiteX1" fmla="*/ 9114809 w 11524496"/>
              <a:gd name="connsiteY1" fmla="*/ 0 h 6495385"/>
              <a:gd name="connsiteX2" fmla="*/ 11520937 w 11524496"/>
              <a:gd name="connsiteY2" fmla="*/ 208706 h 6495385"/>
              <a:gd name="connsiteX3" fmla="*/ 11524112 w 11524496"/>
              <a:gd name="connsiteY3" fmla="*/ 3188572 h 6495385"/>
              <a:gd name="connsiteX4" fmla="*/ 331 w 11524496"/>
              <a:gd name="connsiteY4" fmla="*/ 6495386 h 6495385"/>
              <a:gd name="connsiteX5" fmla="*/ 0 w 11524496"/>
              <a:gd name="connsiteY5" fmla="*/ 542140 h 6495385"/>
              <a:gd name="connsiteX0" fmla="*/ 0 w 11524112"/>
              <a:gd name="connsiteY0" fmla="*/ 542140 h 6495386"/>
              <a:gd name="connsiteX1" fmla="*/ 9114809 w 11524112"/>
              <a:gd name="connsiteY1" fmla="*/ 0 h 6495386"/>
              <a:gd name="connsiteX2" fmla="*/ 11520937 w 11524112"/>
              <a:gd name="connsiteY2" fmla="*/ 208706 h 6495386"/>
              <a:gd name="connsiteX3" fmla="*/ 11524112 w 11524112"/>
              <a:gd name="connsiteY3" fmla="*/ 3188572 h 6495386"/>
              <a:gd name="connsiteX4" fmla="*/ 331 w 11524112"/>
              <a:gd name="connsiteY4" fmla="*/ 6495386 h 6495386"/>
              <a:gd name="connsiteX5" fmla="*/ 0 w 11524112"/>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14384 w 11520937"/>
              <a:gd name="connsiteY3" fmla="*/ 2233650 h 6495386"/>
              <a:gd name="connsiteX4" fmla="*/ 331 w 11520937"/>
              <a:gd name="connsiteY4" fmla="*/ 6495386 h 6495386"/>
              <a:gd name="connsiteX5" fmla="*/ 0 w 11520937"/>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14384 w 11520937"/>
              <a:gd name="connsiteY3" fmla="*/ 2233650 h 6495386"/>
              <a:gd name="connsiteX4" fmla="*/ 331 w 11520937"/>
              <a:gd name="connsiteY4" fmla="*/ 6495386 h 6495386"/>
              <a:gd name="connsiteX5" fmla="*/ 0 w 11520937"/>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50960 w 11520937"/>
              <a:gd name="connsiteY3" fmla="*/ 1359997 h 6495386"/>
              <a:gd name="connsiteX4" fmla="*/ 331 w 11520937"/>
              <a:gd name="connsiteY4" fmla="*/ 6495386 h 6495386"/>
              <a:gd name="connsiteX5" fmla="*/ 0 w 11520937"/>
              <a:gd name="connsiteY5" fmla="*/ 542140 h 6495386"/>
              <a:gd name="connsiteX0" fmla="*/ 0 w 11520937"/>
              <a:gd name="connsiteY0" fmla="*/ 542140 h 1842676"/>
              <a:gd name="connsiteX1" fmla="*/ 9114809 w 11520937"/>
              <a:gd name="connsiteY1" fmla="*/ 0 h 1842676"/>
              <a:gd name="connsiteX2" fmla="*/ 11520937 w 11520937"/>
              <a:gd name="connsiteY2" fmla="*/ 208706 h 1842676"/>
              <a:gd name="connsiteX3" fmla="*/ 11450960 w 11520937"/>
              <a:gd name="connsiteY3" fmla="*/ 1359997 h 1842676"/>
              <a:gd name="connsiteX4" fmla="*/ 402667 w 11520937"/>
              <a:gd name="connsiteY4" fmla="*/ 1842676 h 1842676"/>
              <a:gd name="connsiteX5" fmla="*/ 0 w 11520937"/>
              <a:gd name="connsiteY5" fmla="*/ 542140 h 1842676"/>
              <a:gd name="connsiteX0" fmla="*/ 0 w 11520937"/>
              <a:gd name="connsiteY0" fmla="*/ 542140 h 1873037"/>
              <a:gd name="connsiteX1" fmla="*/ 9114809 w 11520937"/>
              <a:gd name="connsiteY1" fmla="*/ 0 h 1873037"/>
              <a:gd name="connsiteX2" fmla="*/ 11520937 w 11520937"/>
              <a:gd name="connsiteY2" fmla="*/ 208706 h 1873037"/>
              <a:gd name="connsiteX3" fmla="*/ 11450960 w 11520937"/>
              <a:gd name="connsiteY3" fmla="*/ 1359997 h 1873037"/>
              <a:gd name="connsiteX4" fmla="*/ 402667 w 11520937"/>
              <a:gd name="connsiteY4" fmla="*/ 1842676 h 1873037"/>
              <a:gd name="connsiteX5" fmla="*/ 0 w 11520937"/>
              <a:gd name="connsiteY5" fmla="*/ 542140 h 1873037"/>
              <a:gd name="connsiteX0" fmla="*/ 7907 w 11528844"/>
              <a:gd name="connsiteY0" fmla="*/ 542140 h 1536909"/>
              <a:gd name="connsiteX1" fmla="*/ 9122716 w 11528844"/>
              <a:gd name="connsiteY1" fmla="*/ 0 h 1536909"/>
              <a:gd name="connsiteX2" fmla="*/ 11528844 w 11528844"/>
              <a:gd name="connsiteY2" fmla="*/ 208706 h 1536909"/>
              <a:gd name="connsiteX3" fmla="*/ 11458867 w 11528844"/>
              <a:gd name="connsiteY3" fmla="*/ 1359997 h 1536909"/>
              <a:gd name="connsiteX4" fmla="*/ 8238 w 11528844"/>
              <a:gd name="connsiteY4" fmla="*/ 1090928 h 1536909"/>
              <a:gd name="connsiteX5" fmla="*/ 7907 w 11528844"/>
              <a:gd name="connsiteY5" fmla="*/ 542140 h 1536909"/>
              <a:gd name="connsiteX0" fmla="*/ 0 w 11520937"/>
              <a:gd name="connsiteY0" fmla="*/ 542140 h 1516989"/>
              <a:gd name="connsiteX1" fmla="*/ 9114809 w 11520937"/>
              <a:gd name="connsiteY1" fmla="*/ 0 h 1516989"/>
              <a:gd name="connsiteX2" fmla="*/ 11520937 w 11520937"/>
              <a:gd name="connsiteY2" fmla="*/ 208706 h 1516989"/>
              <a:gd name="connsiteX3" fmla="*/ 11450960 w 11520937"/>
              <a:gd name="connsiteY3" fmla="*/ 1359997 h 1516989"/>
              <a:gd name="connsiteX4" fmla="*/ 329515 w 11520937"/>
              <a:gd name="connsiteY4" fmla="*/ 1029976 h 1516989"/>
              <a:gd name="connsiteX5" fmla="*/ 0 w 11520937"/>
              <a:gd name="connsiteY5" fmla="*/ 542140 h 1516989"/>
              <a:gd name="connsiteX0" fmla="*/ 0 w 11520937"/>
              <a:gd name="connsiteY0" fmla="*/ 542140 h 1562013"/>
              <a:gd name="connsiteX1" fmla="*/ 9114809 w 11520937"/>
              <a:gd name="connsiteY1" fmla="*/ 0 h 1562013"/>
              <a:gd name="connsiteX2" fmla="*/ 11520937 w 11520937"/>
              <a:gd name="connsiteY2" fmla="*/ 208706 h 1562013"/>
              <a:gd name="connsiteX3" fmla="*/ 11450960 w 11520937"/>
              <a:gd name="connsiteY3" fmla="*/ 1359997 h 1562013"/>
              <a:gd name="connsiteX4" fmla="*/ 179534 w 11520937"/>
              <a:gd name="connsiteY4" fmla="*/ 1164351 h 1562013"/>
              <a:gd name="connsiteX5" fmla="*/ 0 w 11520937"/>
              <a:gd name="connsiteY5" fmla="*/ 542140 h 1562013"/>
              <a:gd name="connsiteX0" fmla="*/ 0 w 11520937"/>
              <a:gd name="connsiteY0" fmla="*/ 542140 h 1520033"/>
              <a:gd name="connsiteX1" fmla="*/ 9114809 w 11520937"/>
              <a:gd name="connsiteY1" fmla="*/ 0 h 1520033"/>
              <a:gd name="connsiteX2" fmla="*/ 11520937 w 11520937"/>
              <a:gd name="connsiteY2" fmla="*/ 208706 h 1520033"/>
              <a:gd name="connsiteX3" fmla="*/ 11450960 w 11520937"/>
              <a:gd name="connsiteY3" fmla="*/ 1359997 h 1520033"/>
              <a:gd name="connsiteX4" fmla="*/ 179534 w 11520937"/>
              <a:gd name="connsiteY4" fmla="*/ 1164351 h 1520033"/>
              <a:gd name="connsiteX5" fmla="*/ 0 w 11520937"/>
              <a:gd name="connsiteY5" fmla="*/ 542140 h 1520033"/>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79534 w 11520937"/>
              <a:gd name="connsiteY4" fmla="*/ 1164351 h 1363604"/>
              <a:gd name="connsiteX5" fmla="*/ 0 w 11520937"/>
              <a:gd name="connsiteY5" fmla="*/ 542140 h 1363604"/>
              <a:gd name="connsiteX0" fmla="*/ 1532 w 11522469"/>
              <a:gd name="connsiteY0" fmla="*/ 542140 h 1363604"/>
              <a:gd name="connsiteX1" fmla="*/ 9116341 w 11522469"/>
              <a:gd name="connsiteY1" fmla="*/ 0 h 1363604"/>
              <a:gd name="connsiteX2" fmla="*/ 11522469 w 11522469"/>
              <a:gd name="connsiteY2" fmla="*/ 208706 h 1363604"/>
              <a:gd name="connsiteX3" fmla="*/ 11452492 w 11522469"/>
              <a:gd name="connsiteY3" fmla="*/ 1359997 h 1363604"/>
              <a:gd name="connsiteX4" fmla="*/ 16571 w 11522469"/>
              <a:gd name="connsiteY4" fmla="*/ 1261101 h 1363604"/>
              <a:gd name="connsiteX5" fmla="*/ 1532 w 11522469"/>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5039 w 11520937"/>
              <a:gd name="connsiteY4" fmla="*/ 1261101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5039 w 11520937"/>
              <a:gd name="connsiteY4" fmla="*/ 1261101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8689 w 11520937"/>
              <a:gd name="connsiteY4" fmla="*/ 1271683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8689 w 11520937"/>
              <a:gd name="connsiteY4" fmla="*/ 1271683 h 1363604"/>
              <a:gd name="connsiteX5" fmla="*/ 0 w 11520937"/>
              <a:gd name="connsiteY5" fmla="*/ 542140 h 1363604"/>
              <a:gd name="connsiteX0" fmla="*/ 946 w 11521883"/>
              <a:gd name="connsiteY0" fmla="*/ 542140 h 1363604"/>
              <a:gd name="connsiteX1" fmla="*/ 9115755 w 11521883"/>
              <a:gd name="connsiteY1" fmla="*/ 0 h 1363604"/>
              <a:gd name="connsiteX2" fmla="*/ 11521883 w 11521883"/>
              <a:gd name="connsiteY2" fmla="*/ 208706 h 1363604"/>
              <a:gd name="connsiteX3" fmla="*/ 11451906 w 11521883"/>
              <a:gd name="connsiteY3" fmla="*/ 1359997 h 1363604"/>
              <a:gd name="connsiteX4" fmla="*/ 110 w 11521883"/>
              <a:gd name="connsiteY4" fmla="*/ 1268156 h 1363604"/>
              <a:gd name="connsiteX5" fmla="*/ 946 w 11521883"/>
              <a:gd name="connsiteY5" fmla="*/ 542140 h 1363604"/>
              <a:gd name="connsiteX0" fmla="*/ 946 w 11525058"/>
              <a:gd name="connsiteY0" fmla="*/ 542140 h 1359997"/>
              <a:gd name="connsiteX1" fmla="*/ 9115755 w 11525058"/>
              <a:gd name="connsiteY1" fmla="*/ 0 h 1359997"/>
              <a:gd name="connsiteX2" fmla="*/ 11525058 w 11525058"/>
              <a:gd name="connsiteY2" fmla="*/ 169906 h 1359997"/>
              <a:gd name="connsiteX3" fmla="*/ 11451906 w 11525058"/>
              <a:gd name="connsiteY3" fmla="*/ 1359997 h 1359997"/>
              <a:gd name="connsiteX4" fmla="*/ 110 w 11525058"/>
              <a:gd name="connsiteY4" fmla="*/ 1268156 h 1359997"/>
              <a:gd name="connsiteX5" fmla="*/ 946 w 11525058"/>
              <a:gd name="connsiteY5" fmla="*/ 542140 h 1359997"/>
              <a:gd name="connsiteX0" fmla="*/ 946 w 11525073"/>
              <a:gd name="connsiteY0" fmla="*/ 542140 h 1359997"/>
              <a:gd name="connsiteX1" fmla="*/ 9115755 w 11525073"/>
              <a:gd name="connsiteY1" fmla="*/ 0 h 1359997"/>
              <a:gd name="connsiteX2" fmla="*/ 11525058 w 11525073"/>
              <a:gd name="connsiteY2" fmla="*/ 169906 h 1359997"/>
              <a:gd name="connsiteX3" fmla="*/ 11451906 w 11525073"/>
              <a:gd name="connsiteY3" fmla="*/ 1359997 h 1359997"/>
              <a:gd name="connsiteX4" fmla="*/ 110 w 11525073"/>
              <a:gd name="connsiteY4" fmla="*/ 1268156 h 1359997"/>
              <a:gd name="connsiteX5" fmla="*/ 946 w 11525073"/>
              <a:gd name="connsiteY5" fmla="*/ 542140 h 1359997"/>
              <a:gd name="connsiteX0" fmla="*/ 946 w 11526882"/>
              <a:gd name="connsiteY0" fmla="*/ 542140 h 1268286"/>
              <a:gd name="connsiteX1" fmla="*/ 9115755 w 11526882"/>
              <a:gd name="connsiteY1" fmla="*/ 0 h 1268286"/>
              <a:gd name="connsiteX2" fmla="*/ 11525058 w 11526882"/>
              <a:gd name="connsiteY2" fmla="*/ 169906 h 1268286"/>
              <a:gd name="connsiteX3" fmla="*/ 11512231 w 11526882"/>
              <a:gd name="connsiteY3" fmla="*/ 1268286 h 1268286"/>
              <a:gd name="connsiteX4" fmla="*/ 110 w 11526882"/>
              <a:gd name="connsiteY4" fmla="*/ 1268156 h 1268286"/>
              <a:gd name="connsiteX5" fmla="*/ 946 w 11526882"/>
              <a:gd name="connsiteY5" fmla="*/ 542140 h 1268286"/>
              <a:gd name="connsiteX0" fmla="*/ 946 w 11525140"/>
              <a:gd name="connsiteY0" fmla="*/ 542140 h 1268286"/>
              <a:gd name="connsiteX1" fmla="*/ 9115755 w 11525140"/>
              <a:gd name="connsiteY1" fmla="*/ 0 h 1268286"/>
              <a:gd name="connsiteX2" fmla="*/ 11525058 w 11525140"/>
              <a:gd name="connsiteY2" fmla="*/ 169906 h 1268286"/>
              <a:gd name="connsiteX3" fmla="*/ 11512231 w 11525140"/>
              <a:gd name="connsiteY3" fmla="*/ 1268286 h 1268286"/>
              <a:gd name="connsiteX4" fmla="*/ 110 w 11525140"/>
              <a:gd name="connsiteY4" fmla="*/ 1268156 h 1268286"/>
              <a:gd name="connsiteX5" fmla="*/ 946 w 11525140"/>
              <a:gd name="connsiteY5" fmla="*/ 542140 h 1268286"/>
              <a:gd name="connsiteX0" fmla="*/ 946 w 11525270"/>
              <a:gd name="connsiteY0" fmla="*/ 542140 h 1271813"/>
              <a:gd name="connsiteX1" fmla="*/ 9115755 w 11525270"/>
              <a:gd name="connsiteY1" fmla="*/ 0 h 1271813"/>
              <a:gd name="connsiteX2" fmla="*/ 11525058 w 11525270"/>
              <a:gd name="connsiteY2" fmla="*/ 169906 h 1271813"/>
              <a:gd name="connsiteX3" fmla="*/ 11518581 w 11525270"/>
              <a:gd name="connsiteY3" fmla="*/ 1271813 h 1271813"/>
              <a:gd name="connsiteX4" fmla="*/ 110 w 11525270"/>
              <a:gd name="connsiteY4" fmla="*/ 1268156 h 1271813"/>
              <a:gd name="connsiteX5" fmla="*/ 946 w 11525270"/>
              <a:gd name="connsiteY5" fmla="*/ 542140 h 1271813"/>
              <a:gd name="connsiteX0" fmla="*/ 946 w 11527241"/>
              <a:gd name="connsiteY0" fmla="*/ 542140 h 1271813"/>
              <a:gd name="connsiteX1" fmla="*/ 9115755 w 11527241"/>
              <a:gd name="connsiteY1" fmla="*/ 0 h 1271813"/>
              <a:gd name="connsiteX2" fmla="*/ 11525058 w 11527241"/>
              <a:gd name="connsiteY2" fmla="*/ 169906 h 1271813"/>
              <a:gd name="connsiteX3" fmla="*/ 11524931 w 11527241"/>
              <a:gd name="connsiteY3" fmla="*/ 1271813 h 1271813"/>
              <a:gd name="connsiteX4" fmla="*/ 110 w 11527241"/>
              <a:gd name="connsiteY4" fmla="*/ 1268156 h 1271813"/>
              <a:gd name="connsiteX5" fmla="*/ 946 w 11527241"/>
              <a:gd name="connsiteY5" fmla="*/ 542140 h 1271813"/>
              <a:gd name="connsiteX0" fmla="*/ 946 w 11527241"/>
              <a:gd name="connsiteY0" fmla="*/ 573886 h 1303559"/>
              <a:gd name="connsiteX1" fmla="*/ 9030030 w 11527241"/>
              <a:gd name="connsiteY1" fmla="*/ 0 h 1303559"/>
              <a:gd name="connsiteX2" fmla="*/ 11525058 w 11527241"/>
              <a:gd name="connsiteY2" fmla="*/ 201652 h 1303559"/>
              <a:gd name="connsiteX3" fmla="*/ 11524931 w 11527241"/>
              <a:gd name="connsiteY3" fmla="*/ 1303559 h 1303559"/>
              <a:gd name="connsiteX4" fmla="*/ 110 w 11527241"/>
              <a:gd name="connsiteY4" fmla="*/ 1299902 h 1303559"/>
              <a:gd name="connsiteX5" fmla="*/ 946 w 11527241"/>
              <a:gd name="connsiteY5" fmla="*/ 573886 h 1303559"/>
              <a:gd name="connsiteX0" fmla="*/ 946 w 11527241"/>
              <a:gd name="connsiteY0" fmla="*/ 573886 h 1303559"/>
              <a:gd name="connsiteX1" fmla="*/ 9036380 w 11527241"/>
              <a:gd name="connsiteY1" fmla="*/ 0 h 1303559"/>
              <a:gd name="connsiteX2" fmla="*/ 11525058 w 11527241"/>
              <a:gd name="connsiteY2" fmla="*/ 201652 h 1303559"/>
              <a:gd name="connsiteX3" fmla="*/ 11524931 w 11527241"/>
              <a:gd name="connsiteY3" fmla="*/ 1303559 h 1303559"/>
              <a:gd name="connsiteX4" fmla="*/ 110 w 11527241"/>
              <a:gd name="connsiteY4" fmla="*/ 1299902 h 1303559"/>
              <a:gd name="connsiteX5" fmla="*/ 946 w 11527241"/>
              <a:gd name="connsiteY5" fmla="*/ 573886 h 13035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27241" h="1303559">
                <a:moveTo>
                  <a:pt x="946" y="573886"/>
                </a:moveTo>
                <a:lnTo>
                  <a:pt x="9036380" y="0"/>
                </a:lnTo>
                <a:lnTo>
                  <a:pt x="11525058" y="201652"/>
                </a:lnTo>
                <a:cubicBezTo>
                  <a:pt x="11526116" y="664524"/>
                  <a:pt x="11529461" y="717231"/>
                  <a:pt x="11524931" y="1303559"/>
                </a:cubicBezTo>
                <a:lnTo>
                  <a:pt x="110" y="1299902"/>
                </a:lnTo>
                <a:cubicBezTo>
                  <a:pt x="-750" y="939156"/>
                  <a:pt x="3777" y="902801"/>
                  <a:pt x="946" y="573886"/>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12" name="Title 1">
            <a:extLst>
              <a:ext uri="{FF2B5EF4-FFF2-40B4-BE49-F238E27FC236}">
                <a16:creationId xmlns:a16="http://schemas.microsoft.com/office/drawing/2014/main" id="{329FE3A3-0877-9549-9820-361670EFC8B8}"/>
              </a:ext>
            </a:extLst>
          </p:cNvPr>
          <p:cNvSpPr>
            <a:spLocks noGrp="1"/>
          </p:cNvSpPr>
          <p:nvPr>
            <p:ph type="ctrTitle" hasCustomPrompt="1"/>
          </p:nvPr>
        </p:nvSpPr>
        <p:spPr>
          <a:xfrm>
            <a:off x="614203" y="3039228"/>
            <a:ext cx="8750684" cy="2032310"/>
          </a:xfrm>
          <a:prstGeom prst="rect">
            <a:avLst/>
          </a:prstGeom>
        </p:spPr>
        <p:txBody>
          <a:bodyPr anchor="t">
            <a:normAutofit/>
          </a:bodyPr>
          <a:lstStyle>
            <a:lvl1pPr algn="l">
              <a:defRPr lang="da-DK" sz="4867" spc="0" baseline="0" smtClean="0">
                <a:solidFill>
                  <a:schemeClr val="bg1"/>
                </a:solidFill>
                <a:effectLst/>
                <a:latin typeface="+mj-lt"/>
                <a:ea typeface="Open Sans" panose="020B0606030504020204" pitchFamily="34" charset="0"/>
                <a:cs typeface="Open Sans" panose="020B0606030504020204" pitchFamily="34" charset="0"/>
              </a:defRPr>
            </a:lvl1pPr>
          </a:lstStyle>
          <a:p>
            <a:r>
              <a:rPr lang="da-DK" dirty="0"/>
              <a:t>Klik for at tilføje titel</a:t>
            </a:r>
          </a:p>
        </p:txBody>
      </p:sp>
      <p:pic>
        <p:nvPicPr>
          <p:cNvPr id="11" name="Picture 10">
            <a:extLst>
              <a:ext uri="{FF2B5EF4-FFF2-40B4-BE49-F238E27FC236}">
                <a16:creationId xmlns:a16="http://schemas.microsoft.com/office/drawing/2014/main" id="{B4474A7C-05C2-445F-8DFA-9A8153FEECF6}"/>
              </a:ext>
            </a:extLst>
          </p:cNvPr>
          <p:cNvPicPr>
            <a:picLocks noChangeAspect="1"/>
          </p:cNvPicPr>
          <p:nvPr userDrawn="1"/>
        </p:nvPicPr>
        <p:blipFill>
          <a:blip r:embed="rId2"/>
          <a:stretch>
            <a:fillRect/>
          </a:stretch>
        </p:blipFill>
        <p:spPr>
          <a:xfrm>
            <a:off x="30471" y="68578"/>
            <a:ext cx="1813011" cy="1032482"/>
          </a:xfrm>
          <a:prstGeom prst="rect">
            <a:avLst/>
          </a:prstGeom>
        </p:spPr>
      </p:pic>
    </p:spTree>
    <p:extLst>
      <p:ext uri="{BB962C8B-B14F-4D97-AF65-F5344CB8AC3E}">
        <p14:creationId xmlns:p14="http://schemas.microsoft.com/office/powerpoint/2010/main" val="16564365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Indhold A">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4B413DB-02D0-4EE1-8E0A-2A22007AA079}"/>
              </a:ext>
            </a:extLst>
          </p:cNvPr>
          <p:cNvSpPr>
            <a:spLocks noGrp="1"/>
          </p:cNvSpPr>
          <p:nvPr>
            <p:ph type="title" hasCustomPrompt="1"/>
          </p:nvPr>
        </p:nvSpPr>
        <p:spPr/>
        <p:txBody>
          <a:bodyPr/>
          <a:lstStyle>
            <a:lvl1pPr>
              <a:defRPr/>
            </a:lvl1pPr>
          </a:lstStyle>
          <a:p>
            <a:r>
              <a:rPr lang="da-DK" dirty="0"/>
              <a:t>Klik for at tilføje titel</a:t>
            </a:r>
          </a:p>
        </p:txBody>
      </p:sp>
      <p:sp>
        <p:nvSpPr>
          <p:cNvPr id="4" name="Content Placeholder 3">
            <a:extLst>
              <a:ext uri="{FF2B5EF4-FFF2-40B4-BE49-F238E27FC236}">
                <a16:creationId xmlns:a16="http://schemas.microsoft.com/office/drawing/2014/main" id="{C663B336-2FCD-425E-B770-EB3F45541377}"/>
              </a:ext>
            </a:extLst>
          </p:cNvPr>
          <p:cNvSpPr>
            <a:spLocks noGrp="1"/>
          </p:cNvSpPr>
          <p:nvPr>
            <p:ph sz="quarter" idx="10" hasCustomPrompt="1"/>
          </p:nvPr>
        </p:nvSpPr>
        <p:spPr>
          <a:xfrm>
            <a:off x="612000" y="3038400"/>
            <a:ext cx="10852150" cy="3319463"/>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Freeform: Shape 10">
            <a:extLst>
              <a:ext uri="{FF2B5EF4-FFF2-40B4-BE49-F238E27FC236}">
                <a16:creationId xmlns:a16="http://schemas.microsoft.com/office/drawing/2014/main" id="{12B11E1A-A49A-46E4-9478-93DEBEA2362F}"/>
              </a:ext>
            </a:extLst>
          </p:cNvPr>
          <p:cNvSpPr/>
          <p:nvPr userDrawn="1"/>
        </p:nvSpPr>
        <p:spPr>
          <a:xfrm>
            <a:off x="-1" y="0"/>
            <a:ext cx="12193066" cy="1273923"/>
          </a:xfrm>
          <a:custGeom>
            <a:avLst/>
            <a:gdLst>
              <a:gd name="connsiteX0" fmla="*/ 0 w 11524496"/>
              <a:gd name="connsiteY0" fmla="*/ 0 h 1203739"/>
              <a:gd name="connsiteX1" fmla="*/ 11524496 w 11524496"/>
              <a:gd name="connsiteY1" fmla="*/ 0 h 1203739"/>
              <a:gd name="connsiteX2" fmla="*/ 11524496 w 11524496"/>
              <a:gd name="connsiteY2" fmla="*/ 1203739 h 1203739"/>
              <a:gd name="connsiteX3" fmla="*/ 11521131 w 11524496"/>
              <a:gd name="connsiteY3" fmla="*/ 1203739 h 1203739"/>
              <a:gd name="connsiteX4" fmla="*/ 11520937 w 11524496"/>
              <a:gd name="connsiteY4" fmla="*/ 891268 h 1203739"/>
              <a:gd name="connsiteX5" fmla="*/ 11520489 w 11524496"/>
              <a:gd name="connsiteY5" fmla="*/ 891236 h 1203739"/>
              <a:gd name="connsiteX6" fmla="*/ 11520489 w 11524496"/>
              <a:gd name="connsiteY6" fmla="*/ 918369 h 1203739"/>
              <a:gd name="connsiteX7" fmla="*/ 11520423 w 11524496"/>
              <a:gd name="connsiteY7" fmla="*/ 918369 h 1203739"/>
              <a:gd name="connsiteX8" fmla="*/ 11520424 w 11524496"/>
              <a:gd name="connsiteY8" fmla="*/ 909525 h 1203739"/>
              <a:gd name="connsiteX9" fmla="*/ 9249210 w 11524496"/>
              <a:gd name="connsiteY9" fmla="*/ 731044 h 1203739"/>
              <a:gd name="connsiteX10" fmla="*/ 9116877 w 11524496"/>
              <a:gd name="connsiteY10" fmla="*/ 721711 h 1203739"/>
              <a:gd name="connsiteX11" fmla="*/ 9116878 w 11524496"/>
              <a:gd name="connsiteY11" fmla="*/ 728821 h 1203739"/>
              <a:gd name="connsiteX12" fmla="*/ 9116397 w 11524496"/>
              <a:gd name="connsiteY12" fmla="*/ 728821 h 1203739"/>
              <a:gd name="connsiteX13" fmla="*/ 9116396 w 11524496"/>
              <a:gd name="connsiteY13" fmla="*/ 721677 h 1203739"/>
              <a:gd name="connsiteX14" fmla="*/ 9115486 w 11524496"/>
              <a:gd name="connsiteY14" fmla="*/ 721613 h 1203739"/>
              <a:gd name="connsiteX15" fmla="*/ 117856 w 11524496"/>
              <a:gd name="connsiteY15" fmla="*/ 1203325 h 1203739"/>
              <a:gd name="connsiteX16" fmla="*/ 3 w 11524496"/>
              <a:gd name="connsiteY16" fmla="*/ 1203325 h 1203739"/>
              <a:gd name="connsiteX17" fmla="*/ 3 w 11524496"/>
              <a:gd name="connsiteY17" fmla="*/ 1203739 h 1203739"/>
              <a:gd name="connsiteX18" fmla="*/ 0 w 11524496"/>
              <a:gd name="connsiteY18" fmla="*/ 1203739 h 1203739"/>
              <a:gd name="connsiteX19" fmla="*/ 0 w 11524496"/>
              <a:gd name="connsiteY19" fmla="*/ 1162389 h 1203739"/>
              <a:gd name="connsiteX20" fmla="*/ 1 w 11524496"/>
              <a:gd name="connsiteY20" fmla="*/ 1177454 h 1203739"/>
              <a:gd name="connsiteX21" fmla="*/ 1 w 11524496"/>
              <a:gd name="connsiteY21" fmla="*/ 1162389 h 1203739"/>
              <a:gd name="connsiteX22" fmla="*/ 0 w 11524496"/>
              <a:gd name="connsiteY22" fmla="*/ 1162389 h 12037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1524496" h="1203739">
                <a:moveTo>
                  <a:pt x="0" y="0"/>
                </a:moveTo>
                <a:lnTo>
                  <a:pt x="11524496" y="0"/>
                </a:lnTo>
                <a:lnTo>
                  <a:pt x="11524496" y="1203739"/>
                </a:lnTo>
                <a:lnTo>
                  <a:pt x="11521131" y="1203739"/>
                </a:lnTo>
                <a:lnTo>
                  <a:pt x="11520937" y="891268"/>
                </a:lnTo>
                <a:lnTo>
                  <a:pt x="11520489" y="891236"/>
                </a:lnTo>
                <a:lnTo>
                  <a:pt x="11520489" y="918369"/>
                </a:lnTo>
                <a:lnTo>
                  <a:pt x="11520423" y="918369"/>
                </a:lnTo>
                <a:lnTo>
                  <a:pt x="11520424" y="909525"/>
                </a:lnTo>
                <a:lnTo>
                  <a:pt x="9249210" y="731044"/>
                </a:lnTo>
                <a:lnTo>
                  <a:pt x="9116877" y="721711"/>
                </a:lnTo>
                <a:lnTo>
                  <a:pt x="9116878" y="728821"/>
                </a:lnTo>
                <a:lnTo>
                  <a:pt x="9116397" y="728821"/>
                </a:lnTo>
                <a:lnTo>
                  <a:pt x="9116396" y="721677"/>
                </a:lnTo>
                <a:lnTo>
                  <a:pt x="9115486" y="721613"/>
                </a:lnTo>
                <a:lnTo>
                  <a:pt x="117856" y="1203325"/>
                </a:lnTo>
                <a:lnTo>
                  <a:pt x="3" y="1203325"/>
                </a:lnTo>
                <a:lnTo>
                  <a:pt x="3" y="1203739"/>
                </a:lnTo>
                <a:lnTo>
                  <a:pt x="0" y="1203739"/>
                </a:lnTo>
                <a:lnTo>
                  <a:pt x="0" y="1162389"/>
                </a:lnTo>
                <a:lnTo>
                  <a:pt x="1" y="1177454"/>
                </a:lnTo>
                <a:lnTo>
                  <a:pt x="1" y="1162389"/>
                </a:lnTo>
                <a:lnTo>
                  <a:pt x="0" y="1162389"/>
                </a:lnTo>
                <a:close/>
              </a:path>
            </a:pathLst>
          </a:custGeom>
          <a:solidFill>
            <a:srgbClr val="D9D9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err="1"/>
          </a:p>
        </p:txBody>
      </p:sp>
      <p:pic>
        <p:nvPicPr>
          <p:cNvPr id="15" name="Picture 14">
            <a:extLst>
              <a:ext uri="{FF2B5EF4-FFF2-40B4-BE49-F238E27FC236}">
                <a16:creationId xmlns:a16="http://schemas.microsoft.com/office/drawing/2014/main" id="{4A712730-08F6-45E3-B3B9-D0CBCBDC86EC}"/>
              </a:ext>
            </a:extLst>
          </p:cNvPr>
          <p:cNvPicPr>
            <a:picLocks noChangeAspect="1"/>
          </p:cNvPicPr>
          <p:nvPr userDrawn="1"/>
        </p:nvPicPr>
        <p:blipFill>
          <a:blip r:embed="rId2"/>
          <a:stretch>
            <a:fillRect/>
          </a:stretch>
        </p:blipFill>
        <p:spPr>
          <a:xfrm>
            <a:off x="30471" y="68578"/>
            <a:ext cx="1813011" cy="1032482"/>
          </a:xfrm>
          <a:prstGeom prst="rect">
            <a:avLst/>
          </a:prstGeom>
        </p:spPr>
      </p:pic>
    </p:spTree>
    <p:extLst>
      <p:ext uri="{BB962C8B-B14F-4D97-AF65-F5344CB8AC3E}">
        <p14:creationId xmlns:p14="http://schemas.microsoft.com/office/powerpoint/2010/main" val="137690031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Indhold B">
    <p:spTree>
      <p:nvGrpSpPr>
        <p:cNvPr id="1" name=""/>
        <p:cNvGrpSpPr/>
        <p:nvPr/>
      </p:nvGrpSpPr>
      <p:grpSpPr>
        <a:xfrm>
          <a:off x="0" y="0"/>
          <a:ext cx="0" cy="0"/>
          <a:chOff x="0" y="0"/>
          <a:chExt cx="0" cy="0"/>
        </a:xfrm>
      </p:grpSpPr>
      <p:sp>
        <p:nvSpPr>
          <p:cNvPr id="15" name="Freeform: Shape 14">
            <a:extLst>
              <a:ext uri="{FF2B5EF4-FFF2-40B4-BE49-F238E27FC236}">
                <a16:creationId xmlns:a16="http://schemas.microsoft.com/office/drawing/2014/main" id="{1D0CD8F9-49C1-4AEF-BD8C-F0C6C18559A9}"/>
              </a:ext>
            </a:extLst>
          </p:cNvPr>
          <p:cNvSpPr/>
          <p:nvPr userDrawn="1"/>
        </p:nvSpPr>
        <p:spPr>
          <a:xfrm>
            <a:off x="-985" y="5710376"/>
            <a:ext cx="12195954" cy="1149358"/>
          </a:xfrm>
          <a:custGeom>
            <a:avLst/>
            <a:gdLst>
              <a:gd name="connsiteX0" fmla="*/ 9036365 w 11527226"/>
              <a:gd name="connsiteY0" fmla="*/ 0 h 1086037"/>
              <a:gd name="connsiteX1" fmla="*/ 11525043 w 11527226"/>
              <a:gd name="connsiteY1" fmla="*/ 181509 h 1086037"/>
              <a:gd name="connsiteX2" fmla="*/ 11525675 w 11527226"/>
              <a:gd name="connsiteY2" fmla="*/ 1079814 h 1086037"/>
              <a:gd name="connsiteX3" fmla="*/ 11525625 w 11527226"/>
              <a:gd name="connsiteY3" fmla="*/ 1086037 h 1086037"/>
              <a:gd name="connsiteX4" fmla="*/ 22 w 11527226"/>
              <a:gd name="connsiteY4" fmla="*/ 1086037 h 1086037"/>
              <a:gd name="connsiteX5" fmla="*/ 0 w 11527226"/>
              <a:gd name="connsiteY5" fmla="*/ 1060892 h 1086037"/>
              <a:gd name="connsiteX6" fmla="*/ 931 w 11527226"/>
              <a:gd name="connsiteY6" fmla="*/ 516561 h 10860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527226" h="1086037">
                <a:moveTo>
                  <a:pt x="9036365" y="0"/>
                </a:moveTo>
                <a:lnTo>
                  <a:pt x="11525043" y="181509"/>
                </a:lnTo>
                <a:cubicBezTo>
                  <a:pt x="11526035" y="572106"/>
                  <a:pt x="11529037" y="638215"/>
                  <a:pt x="11525675" y="1079814"/>
                </a:cubicBezTo>
                <a:lnTo>
                  <a:pt x="11525625" y="1086037"/>
                </a:lnTo>
                <a:lnTo>
                  <a:pt x="22" y="1086037"/>
                </a:lnTo>
                <a:lnTo>
                  <a:pt x="0" y="1060892"/>
                </a:lnTo>
                <a:cubicBezTo>
                  <a:pt x="252" y="833050"/>
                  <a:pt x="3408" y="775614"/>
                  <a:pt x="931" y="516561"/>
                </a:cubicBezTo>
                <a:close/>
              </a:path>
            </a:pathLst>
          </a:cu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p>
        </p:txBody>
      </p:sp>
      <p:pic>
        <p:nvPicPr>
          <p:cNvPr id="11" name="Picture 10">
            <a:extLst>
              <a:ext uri="{FF2B5EF4-FFF2-40B4-BE49-F238E27FC236}">
                <a16:creationId xmlns:a16="http://schemas.microsoft.com/office/drawing/2014/main" id="{8865A00E-7157-433C-BD67-6D346EE69EA0}"/>
              </a:ext>
            </a:extLst>
          </p:cNvPr>
          <p:cNvPicPr>
            <a:picLocks noChangeAspect="1"/>
          </p:cNvPicPr>
          <p:nvPr userDrawn="1"/>
        </p:nvPicPr>
        <p:blipFill>
          <a:blip r:embed="rId2"/>
          <a:stretch>
            <a:fillRect/>
          </a:stretch>
        </p:blipFill>
        <p:spPr>
          <a:xfrm>
            <a:off x="10376920" y="5813810"/>
            <a:ext cx="1813011" cy="1032482"/>
          </a:xfrm>
          <a:prstGeom prst="rect">
            <a:avLst/>
          </a:prstGeom>
        </p:spPr>
      </p:pic>
      <p:sp>
        <p:nvSpPr>
          <p:cNvPr id="2" name="Title 1">
            <a:extLst>
              <a:ext uri="{FF2B5EF4-FFF2-40B4-BE49-F238E27FC236}">
                <a16:creationId xmlns:a16="http://schemas.microsoft.com/office/drawing/2014/main" id="{CCC4C5B3-BAB9-46A5-B520-8C69C1CBBEB9}"/>
              </a:ext>
            </a:extLst>
          </p:cNvPr>
          <p:cNvSpPr>
            <a:spLocks noGrp="1"/>
          </p:cNvSpPr>
          <p:nvPr>
            <p:ph type="title" hasCustomPrompt="1"/>
          </p:nvPr>
        </p:nvSpPr>
        <p:spPr/>
        <p:txBody>
          <a:bodyPr/>
          <a:lstStyle>
            <a:lvl1pPr>
              <a:defRPr/>
            </a:lvl1pPr>
          </a:lstStyle>
          <a:p>
            <a:r>
              <a:rPr lang="da-DK" dirty="0"/>
              <a:t>Klik for at tilføje titel</a:t>
            </a:r>
          </a:p>
        </p:txBody>
      </p:sp>
      <p:sp>
        <p:nvSpPr>
          <p:cNvPr id="4" name="Content Placeholder 3">
            <a:extLst>
              <a:ext uri="{FF2B5EF4-FFF2-40B4-BE49-F238E27FC236}">
                <a16:creationId xmlns:a16="http://schemas.microsoft.com/office/drawing/2014/main" id="{2464A3E5-144E-4538-B13A-19CDA5E69A49}"/>
              </a:ext>
            </a:extLst>
          </p:cNvPr>
          <p:cNvSpPr>
            <a:spLocks noGrp="1"/>
          </p:cNvSpPr>
          <p:nvPr>
            <p:ph sz="quarter" idx="10" hasCustomPrompt="1"/>
          </p:nvPr>
        </p:nvSpPr>
        <p:spPr>
          <a:xfrm>
            <a:off x="612000" y="3038400"/>
            <a:ext cx="10852150" cy="2540000"/>
          </a:xfrm>
        </p:spPr>
        <p:txBody>
          <a:body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Tree>
    <p:extLst>
      <p:ext uri="{BB962C8B-B14F-4D97-AF65-F5344CB8AC3E}">
        <p14:creationId xmlns:p14="http://schemas.microsoft.com/office/powerpoint/2010/main" val="326438111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Indhold 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C0CE89B-9A3B-4F9A-834D-56D42ACB6294}"/>
              </a:ext>
            </a:extLst>
          </p:cNvPr>
          <p:cNvSpPr>
            <a:spLocks noGrp="1"/>
          </p:cNvSpPr>
          <p:nvPr>
            <p:ph type="title" hasCustomPrompt="1"/>
          </p:nvPr>
        </p:nvSpPr>
        <p:spPr/>
        <p:txBody>
          <a:bodyPr/>
          <a:lstStyle>
            <a:lvl1pPr>
              <a:defRPr/>
            </a:lvl1pPr>
          </a:lstStyle>
          <a:p>
            <a:r>
              <a:rPr lang="da-DK" dirty="0"/>
              <a:t>Klik for at tilføje titel</a:t>
            </a:r>
          </a:p>
        </p:txBody>
      </p:sp>
      <p:sp>
        <p:nvSpPr>
          <p:cNvPr id="4" name="Content Placeholder 3">
            <a:extLst>
              <a:ext uri="{FF2B5EF4-FFF2-40B4-BE49-F238E27FC236}">
                <a16:creationId xmlns:a16="http://schemas.microsoft.com/office/drawing/2014/main" id="{3752E8F1-798F-469B-A9A6-312AB8B1373E}"/>
              </a:ext>
            </a:extLst>
          </p:cNvPr>
          <p:cNvSpPr>
            <a:spLocks noGrp="1"/>
          </p:cNvSpPr>
          <p:nvPr>
            <p:ph sz="quarter" idx="10" hasCustomPrompt="1"/>
          </p:nvPr>
        </p:nvSpPr>
        <p:spPr>
          <a:xfrm>
            <a:off x="612000" y="3038475"/>
            <a:ext cx="10852150" cy="3319463"/>
          </a:xfrm>
        </p:spPr>
        <p:txBody>
          <a:body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Tree>
    <p:extLst>
      <p:ext uri="{BB962C8B-B14F-4D97-AF65-F5344CB8AC3E}">
        <p14:creationId xmlns:p14="http://schemas.microsoft.com/office/powerpoint/2010/main" val="182153500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Indhold uden overskrift A">
    <p:spTree>
      <p:nvGrpSpPr>
        <p:cNvPr id="1" name=""/>
        <p:cNvGrpSpPr/>
        <p:nvPr/>
      </p:nvGrpSpPr>
      <p:grpSpPr>
        <a:xfrm>
          <a:off x="0" y="0"/>
          <a:ext cx="0" cy="0"/>
          <a:chOff x="0" y="0"/>
          <a:chExt cx="0" cy="0"/>
        </a:xfrm>
      </p:grpSpPr>
      <p:sp>
        <p:nvSpPr>
          <p:cNvPr id="7" name="Freeform 6">
            <a:extLst>
              <a:ext uri="{FF2B5EF4-FFF2-40B4-BE49-F238E27FC236}">
                <a16:creationId xmlns:a16="http://schemas.microsoft.com/office/drawing/2014/main" id="{BBC91F07-0D2F-E944-AD40-1C797C06E5D1}"/>
              </a:ext>
            </a:extLst>
          </p:cNvPr>
          <p:cNvSpPr/>
          <p:nvPr userDrawn="1"/>
        </p:nvSpPr>
        <p:spPr>
          <a:xfrm>
            <a:off x="-1" y="763635"/>
            <a:ext cx="12193066" cy="6094365"/>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24496" h="6500326">
                <a:moveTo>
                  <a:pt x="0" y="542140"/>
                </a:moveTo>
                <a:lnTo>
                  <a:pt x="9114809" y="0"/>
                </a:lnTo>
                <a:lnTo>
                  <a:pt x="11520937" y="208706"/>
                </a:lnTo>
                <a:cubicBezTo>
                  <a:pt x="11518820" y="2311792"/>
                  <a:pt x="11526229" y="4397240"/>
                  <a:pt x="11524112" y="6500326"/>
                </a:cubicBezTo>
                <a:lnTo>
                  <a:pt x="331" y="6495386"/>
                </a:lnTo>
                <a:cubicBezTo>
                  <a:pt x="221" y="4509795"/>
                  <a:pt x="110" y="2527731"/>
                  <a:pt x="0" y="54214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9" name="Content Placeholder 8">
            <a:extLst>
              <a:ext uri="{FF2B5EF4-FFF2-40B4-BE49-F238E27FC236}">
                <a16:creationId xmlns:a16="http://schemas.microsoft.com/office/drawing/2014/main" id="{4512A1D8-511C-47DA-9028-500B34260BF1}"/>
              </a:ext>
            </a:extLst>
          </p:cNvPr>
          <p:cNvSpPr>
            <a:spLocks noGrp="1"/>
          </p:cNvSpPr>
          <p:nvPr>
            <p:ph sz="quarter" idx="10" hasCustomPrompt="1"/>
          </p:nvPr>
        </p:nvSpPr>
        <p:spPr>
          <a:xfrm>
            <a:off x="612000" y="1409570"/>
            <a:ext cx="10851866" cy="4947773"/>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6" name="Freeform: Shape 5">
            <a:extLst>
              <a:ext uri="{FF2B5EF4-FFF2-40B4-BE49-F238E27FC236}">
                <a16:creationId xmlns:a16="http://schemas.microsoft.com/office/drawing/2014/main" id="{7F66DDEB-251B-4675-BC32-01E8DBB9A6AD}"/>
              </a:ext>
            </a:extLst>
          </p:cNvPr>
          <p:cNvSpPr/>
          <p:nvPr userDrawn="1"/>
        </p:nvSpPr>
        <p:spPr>
          <a:xfrm>
            <a:off x="-1" y="0"/>
            <a:ext cx="12193066" cy="1273923"/>
          </a:xfrm>
          <a:custGeom>
            <a:avLst/>
            <a:gdLst>
              <a:gd name="connsiteX0" fmla="*/ 0 w 11524496"/>
              <a:gd name="connsiteY0" fmla="*/ 0 h 1203739"/>
              <a:gd name="connsiteX1" fmla="*/ 11524496 w 11524496"/>
              <a:gd name="connsiteY1" fmla="*/ 0 h 1203739"/>
              <a:gd name="connsiteX2" fmla="*/ 11524496 w 11524496"/>
              <a:gd name="connsiteY2" fmla="*/ 1203739 h 1203739"/>
              <a:gd name="connsiteX3" fmla="*/ 11521131 w 11524496"/>
              <a:gd name="connsiteY3" fmla="*/ 1203739 h 1203739"/>
              <a:gd name="connsiteX4" fmla="*/ 11520937 w 11524496"/>
              <a:gd name="connsiteY4" fmla="*/ 891268 h 1203739"/>
              <a:gd name="connsiteX5" fmla="*/ 11520489 w 11524496"/>
              <a:gd name="connsiteY5" fmla="*/ 891236 h 1203739"/>
              <a:gd name="connsiteX6" fmla="*/ 11520489 w 11524496"/>
              <a:gd name="connsiteY6" fmla="*/ 918369 h 1203739"/>
              <a:gd name="connsiteX7" fmla="*/ 11520423 w 11524496"/>
              <a:gd name="connsiteY7" fmla="*/ 918369 h 1203739"/>
              <a:gd name="connsiteX8" fmla="*/ 11520424 w 11524496"/>
              <a:gd name="connsiteY8" fmla="*/ 909525 h 1203739"/>
              <a:gd name="connsiteX9" fmla="*/ 9249210 w 11524496"/>
              <a:gd name="connsiteY9" fmla="*/ 731044 h 1203739"/>
              <a:gd name="connsiteX10" fmla="*/ 9116877 w 11524496"/>
              <a:gd name="connsiteY10" fmla="*/ 721711 h 1203739"/>
              <a:gd name="connsiteX11" fmla="*/ 9116878 w 11524496"/>
              <a:gd name="connsiteY11" fmla="*/ 728821 h 1203739"/>
              <a:gd name="connsiteX12" fmla="*/ 9116397 w 11524496"/>
              <a:gd name="connsiteY12" fmla="*/ 728821 h 1203739"/>
              <a:gd name="connsiteX13" fmla="*/ 9116396 w 11524496"/>
              <a:gd name="connsiteY13" fmla="*/ 721677 h 1203739"/>
              <a:gd name="connsiteX14" fmla="*/ 9115486 w 11524496"/>
              <a:gd name="connsiteY14" fmla="*/ 721613 h 1203739"/>
              <a:gd name="connsiteX15" fmla="*/ 117856 w 11524496"/>
              <a:gd name="connsiteY15" fmla="*/ 1203325 h 1203739"/>
              <a:gd name="connsiteX16" fmla="*/ 3 w 11524496"/>
              <a:gd name="connsiteY16" fmla="*/ 1203325 h 1203739"/>
              <a:gd name="connsiteX17" fmla="*/ 3 w 11524496"/>
              <a:gd name="connsiteY17" fmla="*/ 1203739 h 1203739"/>
              <a:gd name="connsiteX18" fmla="*/ 0 w 11524496"/>
              <a:gd name="connsiteY18" fmla="*/ 1203739 h 1203739"/>
              <a:gd name="connsiteX19" fmla="*/ 0 w 11524496"/>
              <a:gd name="connsiteY19" fmla="*/ 1162389 h 1203739"/>
              <a:gd name="connsiteX20" fmla="*/ 1 w 11524496"/>
              <a:gd name="connsiteY20" fmla="*/ 1177454 h 1203739"/>
              <a:gd name="connsiteX21" fmla="*/ 1 w 11524496"/>
              <a:gd name="connsiteY21" fmla="*/ 1162389 h 1203739"/>
              <a:gd name="connsiteX22" fmla="*/ 0 w 11524496"/>
              <a:gd name="connsiteY22" fmla="*/ 1162389 h 12037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1524496" h="1203739">
                <a:moveTo>
                  <a:pt x="0" y="0"/>
                </a:moveTo>
                <a:lnTo>
                  <a:pt x="11524496" y="0"/>
                </a:lnTo>
                <a:lnTo>
                  <a:pt x="11524496" y="1203739"/>
                </a:lnTo>
                <a:lnTo>
                  <a:pt x="11521131" y="1203739"/>
                </a:lnTo>
                <a:lnTo>
                  <a:pt x="11520937" y="891268"/>
                </a:lnTo>
                <a:lnTo>
                  <a:pt x="11520489" y="891236"/>
                </a:lnTo>
                <a:lnTo>
                  <a:pt x="11520489" y="918369"/>
                </a:lnTo>
                <a:lnTo>
                  <a:pt x="11520423" y="918369"/>
                </a:lnTo>
                <a:lnTo>
                  <a:pt x="11520424" y="909525"/>
                </a:lnTo>
                <a:lnTo>
                  <a:pt x="9249210" y="731044"/>
                </a:lnTo>
                <a:lnTo>
                  <a:pt x="9116877" y="721711"/>
                </a:lnTo>
                <a:lnTo>
                  <a:pt x="9116878" y="728821"/>
                </a:lnTo>
                <a:lnTo>
                  <a:pt x="9116397" y="728821"/>
                </a:lnTo>
                <a:lnTo>
                  <a:pt x="9116396" y="721677"/>
                </a:lnTo>
                <a:lnTo>
                  <a:pt x="9115486" y="721613"/>
                </a:lnTo>
                <a:lnTo>
                  <a:pt x="117856" y="1203325"/>
                </a:lnTo>
                <a:lnTo>
                  <a:pt x="3" y="1203325"/>
                </a:lnTo>
                <a:lnTo>
                  <a:pt x="3" y="1203739"/>
                </a:lnTo>
                <a:lnTo>
                  <a:pt x="0" y="1203739"/>
                </a:lnTo>
                <a:lnTo>
                  <a:pt x="0" y="1162389"/>
                </a:lnTo>
                <a:lnTo>
                  <a:pt x="1" y="1177454"/>
                </a:lnTo>
                <a:lnTo>
                  <a:pt x="1" y="1162389"/>
                </a:lnTo>
                <a:lnTo>
                  <a:pt x="0" y="1162389"/>
                </a:lnTo>
                <a:close/>
              </a:path>
            </a:pathLst>
          </a:custGeom>
          <a:solidFill>
            <a:srgbClr val="D9D9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err="1"/>
          </a:p>
        </p:txBody>
      </p:sp>
      <p:pic>
        <p:nvPicPr>
          <p:cNvPr id="8" name="Picture 7">
            <a:extLst>
              <a:ext uri="{FF2B5EF4-FFF2-40B4-BE49-F238E27FC236}">
                <a16:creationId xmlns:a16="http://schemas.microsoft.com/office/drawing/2014/main" id="{D32793C8-34B0-4EE8-A2F3-FF05A771B62D}"/>
              </a:ext>
            </a:extLst>
          </p:cNvPr>
          <p:cNvPicPr>
            <a:picLocks noChangeAspect="1"/>
          </p:cNvPicPr>
          <p:nvPr userDrawn="1"/>
        </p:nvPicPr>
        <p:blipFill>
          <a:blip r:embed="rId2"/>
          <a:stretch>
            <a:fillRect/>
          </a:stretch>
        </p:blipFill>
        <p:spPr>
          <a:xfrm>
            <a:off x="30471" y="68578"/>
            <a:ext cx="1813011" cy="1032482"/>
          </a:xfrm>
          <a:prstGeom prst="rect">
            <a:avLst/>
          </a:prstGeom>
        </p:spPr>
      </p:pic>
    </p:spTree>
    <p:extLst>
      <p:ext uri="{BB962C8B-B14F-4D97-AF65-F5344CB8AC3E}">
        <p14:creationId xmlns:p14="http://schemas.microsoft.com/office/powerpoint/2010/main" val="63046258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Indhold uden overskrift B">
    <p:spTree>
      <p:nvGrpSpPr>
        <p:cNvPr id="1" name=""/>
        <p:cNvGrpSpPr/>
        <p:nvPr/>
      </p:nvGrpSpPr>
      <p:grpSpPr>
        <a:xfrm>
          <a:off x="0" y="0"/>
          <a:ext cx="0" cy="0"/>
          <a:chOff x="0" y="0"/>
          <a:chExt cx="0" cy="0"/>
        </a:xfrm>
      </p:grpSpPr>
      <p:sp>
        <p:nvSpPr>
          <p:cNvPr id="7" name="Freeform 6">
            <a:extLst>
              <a:ext uri="{FF2B5EF4-FFF2-40B4-BE49-F238E27FC236}">
                <a16:creationId xmlns:a16="http://schemas.microsoft.com/office/drawing/2014/main" id="{BBC91F07-0D2F-E944-AD40-1C797C06E5D1}"/>
              </a:ext>
            </a:extLst>
          </p:cNvPr>
          <p:cNvSpPr/>
          <p:nvPr userDrawn="1"/>
        </p:nvSpPr>
        <p:spPr>
          <a:xfrm>
            <a:off x="-1" y="763635"/>
            <a:ext cx="12193066" cy="6094365"/>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24496" h="6500326">
                <a:moveTo>
                  <a:pt x="0" y="542140"/>
                </a:moveTo>
                <a:lnTo>
                  <a:pt x="9114809" y="0"/>
                </a:lnTo>
                <a:lnTo>
                  <a:pt x="11520937" y="208706"/>
                </a:lnTo>
                <a:cubicBezTo>
                  <a:pt x="11518820" y="2311792"/>
                  <a:pt x="11526229" y="4397240"/>
                  <a:pt x="11524112" y="6500326"/>
                </a:cubicBezTo>
                <a:lnTo>
                  <a:pt x="331" y="6495386"/>
                </a:lnTo>
                <a:cubicBezTo>
                  <a:pt x="221" y="4509795"/>
                  <a:pt x="110" y="2527731"/>
                  <a:pt x="0" y="54214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9" name="Content Placeholder 8">
            <a:extLst>
              <a:ext uri="{FF2B5EF4-FFF2-40B4-BE49-F238E27FC236}">
                <a16:creationId xmlns:a16="http://schemas.microsoft.com/office/drawing/2014/main" id="{4512A1D8-511C-47DA-9028-500B34260BF1}"/>
              </a:ext>
            </a:extLst>
          </p:cNvPr>
          <p:cNvSpPr>
            <a:spLocks noGrp="1"/>
          </p:cNvSpPr>
          <p:nvPr>
            <p:ph sz="quarter" idx="10" hasCustomPrompt="1"/>
          </p:nvPr>
        </p:nvSpPr>
        <p:spPr>
          <a:xfrm>
            <a:off x="612000" y="1409571"/>
            <a:ext cx="10851866" cy="4194803"/>
          </a:xfrm>
        </p:spPr>
        <p:txBody>
          <a:bodyPr/>
          <a:lstStyle>
            <a:lvl1pPr>
              <a:defRPr>
                <a:latin typeface="Open Sans Light" panose="020B0306030504020204" pitchFamily="34" charset="0"/>
                <a:ea typeface="Open Sans Light" panose="020B0306030504020204" pitchFamily="34" charset="0"/>
                <a:cs typeface="Open Sans Light" panose="020B0306030504020204" pitchFamily="34" charset="0"/>
              </a:defRPr>
            </a:lvl1pPr>
            <a:lvl2pPr>
              <a:defRPr>
                <a:latin typeface="Open Sans Light" panose="020B0306030504020204" pitchFamily="34" charset="0"/>
                <a:ea typeface="Open Sans Light" panose="020B0306030504020204" pitchFamily="34" charset="0"/>
                <a:cs typeface="Open Sans Light" panose="020B0306030504020204" pitchFamily="34" charset="0"/>
              </a:defRPr>
            </a:lvl2pPr>
            <a:lvl3pPr>
              <a:defRPr>
                <a:latin typeface="Open Sans Light" panose="020B0306030504020204" pitchFamily="34" charset="0"/>
                <a:ea typeface="Open Sans Light" panose="020B0306030504020204" pitchFamily="34" charset="0"/>
                <a:cs typeface="Open Sans Light" panose="020B0306030504020204" pitchFamily="34" charset="0"/>
              </a:defRPr>
            </a:lvl3pPr>
            <a:lvl4pPr>
              <a:defRPr>
                <a:latin typeface="Open Sans Light" panose="020B0306030504020204" pitchFamily="34" charset="0"/>
                <a:ea typeface="Open Sans Light" panose="020B0306030504020204" pitchFamily="34" charset="0"/>
                <a:cs typeface="Open Sans Light" panose="020B0306030504020204" pitchFamily="34" charset="0"/>
              </a:defRPr>
            </a:lvl4pPr>
            <a:lvl5pPr>
              <a:defRPr>
                <a:latin typeface="Open Sans Light" panose="020B0306030504020204" pitchFamily="34" charset="0"/>
                <a:ea typeface="Open Sans Light" panose="020B0306030504020204" pitchFamily="34" charset="0"/>
                <a:cs typeface="Open Sans Light" panose="020B0306030504020204" pitchFamily="34" charset="0"/>
              </a:defRPr>
            </a:lvl5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6" name="Freeform: Shape 5">
            <a:extLst>
              <a:ext uri="{FF2B5EF4-FFF2-40B4-BE49-F238E27FC236}">
                <a16:creationId xmlns:a16="http://schemas.microsoft.com/office/drawing/2014/main" id="{F4EDE48B-E5C0-4AD6-ACE2-B68EFD58B4A8}"/>
              </a:ext>
            </a:extLst>
          </p:cNvPr>
          <p:cNvSpPr/>
          <p:nvPr userDrawn="1"/>
        </p:nvSpPr>
        <p:spPr>
          <a:xfrm>
            <a:off x="-985" y="5710376"/>
            <a:ext cx="12195954" cy="1149358"/>
          </a:xfrm>
          <a:custGeom>
            <a:avLst/>
            <a:gdLst>
              <a:gd name="connsiteX0" fmla="*/ 9036365 w 11527226"/>
              <a:gd name="connsiteY0" fmla="*/ 0 h 1086037"/>
              <a:gd name="connsiteX1" fmla="*/ 11525043 w 11527226"/>
              <a:gd name="connsiteY1" fmla="*/ 181509 h 1086037"/>
              <a:gd name="connsiteX2" fmla="*/ 11525675 w 11527226"/>
              <a:gd name="connsiteY2" fmla="*/ 1079814 h 1086037"/>
              <a:gd name="connsiteX3" fmla="*/ 11525625 w 11527226"/>
              <a:gd name="connsiteY3" fmla="*/ 1086037 h 1086037"/>
              <a:gd name="connsiteX4" fmla="*/ 22 w 11527226"/>
              <a:gd name="connsiteY4" fmla="*/ 1086037 h 1086037"/>
              <a:gd name="connsiteX5" fmla="*/ 0 w 11527226"/>
              <a:gd name="connsiteY5" fmla="*/ 1060892 h 1086037"/>
              <a:gd name="connsiteX6" fmla="*/ 931 w 11527226"/>
              <a:gd name="connsiteY6" fmla="*/ 516561 h 10860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527226" h="1086037">
                <a:moveTo>
                  <a:pt x="9036365" y="0"/>
                </a:moveTo>
                <a:lnTo>
                  <a:pt x="11525043" y="181509"/>
                </a:lnTo>
                <a:cubicBezTo>
                  <a:pt x="11526035" y="572106"/>
                  <a:pt x="11529037" y="638215"/>
                  <a:pt x="11525675" y="1079814"/>
                </a:cubicBezTo>
                <a:lnTo>
                  <a:pt x="11525625" y="1086037"/>
                </a:lnTo>
                <a:lnTo>
                  <a:pt x="22" y="1086037"/>
                </a:lnTo>
                <a:lnTo>
                  <a:pt x="0" y="1060892"/>
                </a:lnTo>
                <a:cubicBezTo>
                  <a:pt x="252" y="833050"/>
                  <a:pt x="3408" y="775614"/>
                  <a:pt x="931" y="516561"/>
                </a:cubicBezTo>
                <a:close/>
              </a:path>
            </a:pathLst>
          </a:cu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p>
        </p:txBody>
      </p:sp>
      <p:pic>
        <p:nvPicPr>
          <p:cNvPr id="8" name="Picture 7">
            <a:extLst>
              <a:ext uri="{FF2B5EF4-FFF2-40B4-BE49-F238E27FC236}">
                <a16:creationId xmlns:a16="http://schemas.microsoft.com/office/drawing/2014/main" id="{03A3F2A2-3BC0-43CC-B7C9-BF3CF48D955B}"/>
              </a:ext>
            </a:extLst>
          </p:cNvPr>
          <p:cNvPicPr>
            <a:picLocks noChangeAspect="1"/>
          </p:cNvPicPr>
          <p:nvPr userDrawn="1"/>
        </p:nvPicPr>
        <p:blipFill>
          <a:blip r:embed="rId2"/>
          <a:stretch>
            <a:fillRect/>
          </a:stretch>
        </p:blipFill>
        <p:spPr>
          <a:xfrm>
            <a:off x="10376920" y="5813810"/>
            <a:ext cx="1813011" cy="1032482"/>
          </a:xfrm>
          <a:prstGeom prst="rect">
            <a:avLst/>
          </a:prstGeom>
        </p:spPr>
      </p:pic>
    </p:spTree>
    <p:extLst>
      <p:ext uri="{BB962C8B-B14F-4D97-AF65-F5344CB8AC3E}">
        <p14:creationId xmlns:p14="http://schemas.microsoft.com/office/powerpoint/2010/main" val="147904514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Indhold uden overskrift C">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4512A1D8-511C-47DA-9028-500B34260BF1}"/>
              </a:ext>
            </a:extLst>
          </p:cNvPr>
          <p:cNvSpPr>
            <a:spLocks noGrp="1"/>
          </p:cNvSpPr>
          <p:nvPr>
            <p:ph sz="quarter" idx="10" hasCustomPrompt="1"/>
          </p:nvPr>
        </p:nvSpPr>
        <p:spPr>
          <a:xfrm>
            <a:off x="612000" y="1409571"/>
            <a:ext cx="10851866" cy="4947772"/>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Tree>
    <p:extLst>
      <p:ext uri="{BB962C8B-B14F-4D97-AF65-F5344CB8AC3E}">
        <p14:creationId xmlns:p14="http://schemas.microsoft.com/office/powerpoint/2010/main" val="1370376010"/>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Indhold i to spalter A">
    <p:spTree>
      <p:nvGrpSpPr>
        <p:cNvPr id="1" name=""/>
        <p:cNvGrpSpPr/>
        <p:nvPr/>
      </p:nvGrpSpPr>
      <p:grpSpPr>
        <a:xfrm>
          <a:off x="0" y="0"/>
          <a:ext cx="0" cy="0"/>
          <a:chOff x="0" y="0"/>
          <a:chExt cx="0" cy="0"/>
        </a:xfrm>
      </p:grpSpPr>
      <p:sp>
        <p:nvSpPr>
          <p:cNvPr id="7" name="Freeform 6">
            <a:extLst>
              <a:ext uri="{FF2B5EF4-FFF2-40B4-BE49-F238E27FC236}">
                <a16:creationId xmlns:a16="http://schemas.microsoft.com/office/drawing/2014/main" id="{BBC91F07-0D2F-E944-AD40-1C797C06E5D1}"/>
              </a:ext>
            </a:extLst>
          </p:cNvPr>
          <p:cNvSpPr/>
          <p:nvPr userDrawn="1"/>
        </p:nvSpPr>
        <p:spPr>
          <a:xfrm>
            <a:off x="-1" y="763635"/>
            <a:ext cx="12193066" cy="6094365"/>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24496" h="6500326">
                <a:moveTo>
                  <a:pt x="0" y="542140"/>
                </a:moveTo>
                <a:lnTo>
                  <a:pt x="9114809" y="0"/>
                </a:lnTo>
                <a:lnTo>
                  <a:pt x="11520937" y="208706"/>
                </a:lnTo>
                <a:cubicBezTo>
                  <a:pt x="11518820" y="2311792"/>
                  <a:pt x="11526229" y="4397240"/>
                  <a:pt x="11524112" y="6500326"/>
                </a:cubicBezTo>
                <a:lnTo>
                  <a:pt x="331" y="6495386"/>
                </a:lnTo>
                <a:cubicBezTo>
                  <a:pt x="221" y="4509795"/>
                  <a:pt x="110" y="2527731"/>
                  <a:pt x="0" y="54214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2" name="Title 1">
            <a:extLst>
              <a:ext uri="{FF2B5EF4-FFF2-40B4-BE49-F238E27FC236}">
                <a16:creationId xmlns:a16="http://schemas.microsoft.com/office/drawing/2014/main" id="{66832245-E3F1-4A6B-B99F-212622FA10B5}"/>
              </a:ext>
            </a:extLst>
          </p:cNvPr>
          <p:cNvSpPr>
            <a:spLocks noGrp="1"/>
          </p:cNvSpPr>
          <p:nvPr>
            <p:ph type="title" hasCustomPrompt="1"/>
          </p:nvPr>
        </p:nvSpPr>
        <p:spPr/>
        <p:txBody>
          <a:bodyPr/>
          <a:lstStyle>
            <a:lvl1pPr>
              <a:defRPr/>
            </a:lvl1pPr>
          </a:lstStyle>
          <a:p>
            <a:r>
              <a:rPr lang="da-DK" dirty="0"/>
              <a:t>Klik for at tilføje titel</a:t>
            </a:r>
          </a:p>
        </p:txBody>
      </p:sp>
      <p:sp>
        <p:nvSpPr>
          <p:cNvPr id="3" name="Content Placeholder 2">
            <a:extLst>
              <a:ext uri="{FF2B5EF4-FFF2-40B4-BE49-F238E27FC236}">
                <a16:creationId xmlns:a16="http://schemas.microsoft.com/office/drawing/2014/main" id="{875CD19E-FC03-48E4-9927-51BF6EA2B54E}"/>
              </a:ext>
            </a:extLst>
          </p:cNvPr>
          <p:cNvSpPr>
            <a:spLocks noGrp="1"/>
          </p:cNvSpPr>
          <p:nvPr>
            <p:ph sz="quarter" idx="10" hasCustomPrompt="1"/>
          </p:nvPr>
        </p:nvSpPr>
        <p:spPr>
          <a:xfrm>
            <a:off x="612000" y="3039228"/>
            <a:ext cx="5332385" cy="3318116"/>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Content Placeholder 4">
            <a:extLst>
              <a:ext uri="{FF2B5EF4-FFF2-40B4-BE49-F238E27FC236}">
                <a16:creationId xmlns:a16="http://schemas.microsoft.com/office/drawing/2014/main" id="{46D4765C-044E-4BC0-AA33-BCAAC9672794}"/>
              </a:ext>
            </a:extLst>
          </p:cNvPr>
          <p:cNvSpPr>
            <a:spLocks noGrp="1"/>
          </p:cNvSpPr>
          <p:nvPr>
            <p:ph sz="quarter" idx="11" hasCustomPrompt="1"/>
          </p:nvPr>
        </p:nvSpPr>
        <p:spPr>
          <a:xfrm>
            <a:off x="6133655" y="3039228"/>
            <a:ext cx="5332945" cy="3318116"/>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9" name="Freeform: Shape 8">
            <a:extLst>
              <a:ext uri="{FF2B5EF4-FFF2-40B4-BE49-F238E27FC236}">
                <a16:creationId xmlns:a16="http://schemas.microsoft.com/office/drawing/2014/main" id="{C02E0ADC-D557-455B-AC53-12CB6A7FB3AE}"/>
              </a:ext>
            </a:extLst>
          </p:cNvPr>
          <p:cNvSpPr/>
          <p:nvPr userDrawn="1"/>
        </p:nvSpPr>
        <p:spPr>
          <a:xfrm>
            <a:off x="-1" y="0"/>
            <a:ext cx="12193066" cy="1273923"/>
          </a:xfrm>
          <a:custGeom>
            <a:avLst/>
            <a:gdLst>
              <a:gd name="connsiteX0" fmla="*/ 0 w 11524496"/>
              <a:gd name="connsiteY0" fmla="*/ 0 h 1203739"/>
              <a:gd name="connsiteX1" fmla="*/ 11524496 w 11524496"/>
              <a:gd name="connsiteY1" fmla="*/ 0 h 1203739"/>
              <a:gd name="connsiteX2" fmla="*/ 11524496 w 11524496"/>
              <a:gd name="connsiteY2" fmla="*/ 1203739 h 1203739"/>
              <a:gd name="connsiteX3" fmla="*/ 11521131 w 11524496"/>
              <a:gd name="connsiteY3" fmla="*/ 1203739 h 1203739"/>
              <a:gd name="connsiteX4" fmla="*/ 11520937 w 11524496"/>
              <a:gd name="connsiteY4" fmla="*/ 891268 h 1203739"/>
              <a:gd name="connsiteX5" fmla="*/ 11520489 w 11524496"/>
              <a:gd name="connsiteY5" fmla="*/ 891236 h 1203739"/>
              <a:gd name="connsiteX6" fmla="*/ 11520489 w 11524496"/>
              <a:gd name="connsiteY6" fmla="*/ 918369 h 1203739"/>
              <a:gd name="connsiteX7" fmla="*/ 11520423 w 11524496"/>
              <a:gd name="connsiteY7" fmla="*/ 918369 h 1203739"/>
              <a:gd name="connsiteX8" fmla="*/ 11520424 w 11524496"/>
              <a:gd name="connsiteY8" fmla="*/ 909525 h 1203739"/>
              <a:gd name="connsiteX9" fmla="*/ 9249210 w 11524496"/>
              <a:gd name="connsiteY9" fmla="*/ 731044 h 1203739"/>
              <a:gd name="connsiteX10" fmla="*/ 9116877 w 11524496"/>
              <a:gd name="connsiteY10" fmla="*/ 721711 h 1203739"/>
              <a:gd name="connsiteX11" fmla="*/ 9116878 w 11524496"/>
              <a:gd name="connsiteY11" fmla="*/ 728821 h 1203739"/>
              <a:gd name="connsiteX12" fmla="*/ 9116397 w 11524496"/>
              <a:gd name="connsiteY12" fmla="*/ 728821 h 1203739"/>
              <a:gd name="connsiteX13" fmla="*/ 9116396 w 11524496"/>
              <a:gd name="connsiteY13" fmla="*/ 721677 h 1203739"/>
              <a:gd name="connsiteX14" fmla="*/ 9115486 w 11524496"/>
              <a:gd name="connsiteY14" fmla="*/ 721613 h 1203739"/>
              <a:gd name="connsiteX15" fmla="*/ 117856 w 11524496"/>
              <a:gd name="connsiteY15" fmla="*/ 1203325 h 1203739"/>
              <a:gd name="connsiteX16" fmla="*/ 3 w 11524496"/>
              <a:gd name="connsiteY16" fmla="*/ 1203325 h 1203739"/>
              <a:gd name="connsiteX17" fmla="*/ 3 w 11524496"/>
              <a:gd name="connsiteY17" fmla="*/ 1203739 h 1203739"/>
              <a:gd name="connsiteX18" fmla="*/ 0 w 11524496"/>
              <a:gd name="connsiteY18" fmla="*/ 1203739 h 1203739"/>
              <a:gd name="connsiteX19" fmla="*/ 0 w 11524496"/>
              <a:gd name="connsiteY19" fmla="*/ 1162389 h 1203739"/>
              <a:gd name="connsiteX20" fmla="*/ 1 w 11524496"/>
              <a:gd name="connsiteY20" fmla="*/ 1177454 h 1203739"/>
              <a:gd name="connsiteX21" fmla="*/ 1 w 11524496"/>
              <a:gd name="connsiteY21" fmla="*/ 1162389 h 1203739"/>
              <a:gd name="connsiteX22" fmla="*/ 0 w 11524496"/>
              <a:gd name="connsiteY22" fmla="*/ 1162389 h 12037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1524496" h="1203739">
                <a:moveTo>
                  <a:pt x="0" y="0"/>
                </a:moveTo>
                <a:lnTo>
                  <a:pt x="11524496" y="0"/>
                </a:lnTo>
                <a:lnTo>
                  <a:pt x="11524496" y="1203739"/>
                </a:lnTo>
                <a:lnTo>
                  <a:pt x="11521131" y="1203739"/>
                </a:lnTo>
                <a:lnTo>
                  <a:pt x="11520937" y="891268"/>
                </a:lnTo>
                <a:lnTo>
                  <a:pt x="11520489" y="891236"/>
                </a:lnTo>
                <a:lnTo>
                  <a:pt x="11520489" y="918369"/>
                </a:lnTo>
                <a:lnTo>
                  <a:pt x="11520423" y="918369"/>
                </a:lnTo>
                <a:lnTo>
                  <a:pt x="11520424" y="909525"/>
                </a:lnTo>
                <a:lnTo>
                  <a:pt x="9249210" y="731044"/>
                </a:lnTo>
                <a:lnTo>
                  <a:pt x="9116877" y="721711"/>
                </a:lnTo>
                <a:lnTo>
                  <a:pt x="9116878" y="728821"/>
                </a:lnTo>
                <a:lnTo>
                  <a:pt x="9116397" y="728821"/>
                </a:lnTo>
                <a:lnTo>
                  <a:pt x="9116396" y="721677"/>
                </a:lnTo>
                <a:lnTo>
                  <a:pt x="9115486" y="721613"/>
                </a:lnTo>
                <a:lnTo>
                  <a:pt x="117856" y="1203325"/>
                </a:lnTo>
                <a:lnTo>
                  <a:pt x="3" y="1203325"/>
                </a:lnTo>
                <a:lnTo>
                  <a:pt x="3" y="1203739"/>
                </a:lnTo>
                <a:lnTo>
                  <a:pt x="0" y="1203739"/>
                </a:lnTo>
                <a:lnTo>
                  <a:pt x="0" y="1162389"/>
                </a:lnTo>
                <a:lnTo>
                  <a:pt x="1" y="1177454"/>
                </a:lnTo>
                <a:lnTo>
                  <a:pt x="1" y="1162389"/>
                </a:lnTo>
                <a:lnTo>
                  <a:pt x="0" y="1162389"/>
                </a:lnTo>
                <a:close/>
              </a:path>
            </a:pathLst>
          </a:custGeom>
          <a:solidFill>
            <a:srgbClr val="D9D9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err="1"/>
          </a:p>
        </p:txBody>
      </p:sp>
      <p:pic>
        <p:nvPicPr>
          <p:cNvPr id="10" name="Picture 9">
            <a:extLst>
              <a:ext uri="{FF2B5EF4-FFF2-40B4-BE49-F238E27FC236}">
                <a16:creationId xmlns:a16="http://schemas.microsoft.com/office/drawing/2014/main" id="{F7B8FFA1-07FC-4D2C-B928-CF85EDD00328}"/>
              </a:ext>
            </a:extLst>
          </p:cNvPr>
          <p:cNvPicPr>
            <a:picLocks noChangeAspect="1"/>
          </p:cNvPicPr>
          <p:nvPr userDrawn="1"/>
        </p:nvPicPr>
        <p:blipFill>
          <a:blip r:embed="rId2"/>
          <a:stretch>
            <a:fillRect/>
          </a:stretch>
        </p:blipFill>
        <p:spPr>
          <a:xfrm>
            <a:off x="30471" y="68578"/>
            <a:ext cx="1813011" cy="1032482"/>
          </a:xfrm>
          <a:prstGeom prst="rect">
            <a:avLst/>
          </a:prstGeom>
        </p:spPr>
      </p:pic>
    </p:spTree>
    <p:extLst>
      <p:ext uri="{BB962C8B-B14F-4D97-AF65-F5344CB8AC3E}">
        <p14:creationId xmlns:p14="http://schemas.microsoft.com/office/powerpoint/2010/main" val="110562143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Indhold i to spalter B">
    <p:spTree>
      <p:nvGrpSpPr>
        <p:cNvPr id="1" name=""/>
        <p:cNvGrpSpPr/>
        <p:nvPr/>
      </p:nvGrpSpPr>
      <p:grpSpPr>
        <a:xfrm>
          <a:off x="0" y="0"/>
          <a:ext cx="0" cy="0"/>
          <a:chOff x="0" y="0"/>
          <a:chExt cx="0" cy="0"/>
        </a:xfrm>
      </p:grpSpPr>
      <p:sp>
        <p:nvSpPr>
          <p:cNvPr id="7" name="Freeform 6">
            <a:extLst>
              <a:ext uri="{FF2B5EF4-FFF2-40B4-BE49-F238E27FC236}">
                <a16:creationId xmlns:a16="http://schemas.microsoft.com/office/drawing/2014/main" id="{BBC91F07-0D2F-E944-AD40-1C797C06E5D1}"/>
              </a:ext>
            </a:extLst>
          </p:cNvPr>
          <p:cNvSpPr/>
          <p:nvPr userDrawn="1"/>
        </p:nvSpPr>
        <p:spPr>
          <a:xfrm>
            <a:off x="-1" y="763635"/>
            <a:ext cx="12193066" cy="6094365"/>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24496" h="6500326">
                <a:moveTo>
                  <a:pt x="0" y="542140"/>
                </a:moveTo>
                <a:lnTo>
                  <a:pt x="9114809" y="0"/>
                </a:lnTo>
                <a:lnTo>
                  <a:pt x="11520937" y="208706"/>
                </a:lnTo>
                <a:cubicBezTo>
                  <a:pt x="11518820" y="2311792"/>
                  <a:pt x="11526229" y="4397240"/>
                  <a:pt x="11524112" y="6500326"/>
                </a:cubicBezTo>
                <a:lnTo>
                  <a:pt x="331" y="6495386"/>
                </a:lnTo>
                <a:cubicBezTo>
                  <a:pt x="221" y="4509795"/>
                  <a:pt x="110" y="2527731"/>
                  <a:pt x="0" y="54214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2" name="Title 1">
            <a:extLst>
              <a:ext uri="{FF2B5EF4-FFF2-40B4-BE49-F238E27FC236}">
                <a16:creationId xmlns:a16="http://schemas.microsoft.com/office/drawing/2014/main" id="{0295C5DC-9F61-4E32-B0BC-ED6D481CEE1F}"/>
              </a:ext>
            </a:extLst>
          </p:cNvPr>
          <p:cNvSpPr>
            <a:spLocks noGrp="1"/>
          </p:cNvSpPr>
          <p:nvPr>
            <p:ph type="title" hasCustomPrompt="1"/>
          </p:nvPr>
        </p:nvSpPr>
        <p:spPr/>
        <p:txBody>
          <a:bodyPr/>
          <a:lstStyle>
            <a:lvl1pPr>
              <a:defRPr>
                <a:latin typeface="+mj-lt"/>
              </a:defRPr>
            </a:lvl1pPr>
          </a:lstStyle>
          <a:p>
            <a:r>
              <a:rPr lang="da-DK" dirty="0"/>
              <a:t>Klik for at tilføje titel</a:t>
            </a:r>
          </a:p>
        </p:txBody>
      </p:sp>
      <p:sp>
        <p:nvSpPr>
          <p:cNvPr id="3" name="Content Placeholder 2">
            <a:extLst>
              <a:ext uri="{FF2B5EF4-FFF2-40B4-BE49-F238E27FC236}">
                <a16:creationId xmlns:a16="http://schemas.microsoft.com/office/drawing/2014/main" id="{875CD19E-FC03-48E4-9927-51BF6EA2B54E}"/>
              </a:ext>
            </a:extLst>
          </p:cNvPr>
          <p:cNvSpPr>
            <a:spLocks noGrp="1"/>
          </p:cNvSpPr>
          <p:nvPr>
            <p:ph sz="quarter" idx="10" hasCustomPrompt="1"/>
          </p:nvPr>
        </p:nvSpPr>
        <p:spPr>
          <a:xfrm>
            <a:off x="612000" y="3039228"/>
            <a:ext cx="5332385" cy="2565144"/>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Content Placeholder 4">
            <a:extLst>
              <a:ext uri="{FF2B5EF4-FFF2-40B4-BE49-F238E27FC236}">
                <a16:creationId xmlns:a16="http://schemas.microsoft.com/office/drawing/2014/main" id="{46D4765C-044E-4BC0-AA33-BCAAC9672794}"/>
              </a:ext>
            </a:extLst>
          </p:cNvPr>
          <p:cNvSpPr>
            <a:spLocks noGrp="1"/>
          </p:cNvSpPr>
          <p:nvPr>
            <p:ph sz="quarter" idx="11" hasCustomPrompt="1"/>
          </p:nvPr>
        </p:nvSpPr>
        <p:spPr>
          <a:xfrm>
            <a:off x="6133655" y="3039228"/>
            <a:ext cx="5332945" cy="2565144"/>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Freeform: Shape 10">
            <a:extLst>
              <a:ext uri="{FF2B5EF4-FFF2-40B4-BE49-F238E27FC236}">
                <a16:creationId xmlns:a16="http://schemas.microsoft.com/office/drawing/2014/main" id="{8C681528-4E68-4ED9-AE8C-ED7AA733097C}"/>
              </a:ext>
            </a:extLst>
          </p:cNvPr>
          <p:cNvSpPr/>
          <p:nvPr userDrawn="1"/>
        </p:nvSpPr>
        <p:spPr>
          <a:xfrm>
            <a:off x="-985" y="5710376"/>
            <a:ext cx="12195954" cy="1149358"/>
          </a:xfrm>
          <a:custGeom>
            <a:avLst/>
            <a:gdLst>
              <a:gd name="connsiteX0" fmla="*/ 9036365 w 11527226"/>
              <a:gd name="connsiteY0" fmla="*/ 0 h 1086037"/>
              <a:gd name="connsiteX1" fmla="*/ 11525043 w 11527226"/>
              <a:gd name="connsiteY1" fmla="*/ 181509 h 1086037"/>
              <a:gd name="connsiteX2" fmla="*/ 11525675 w 11527226"/>
              <a:gd name="connsiteY2" fmla="*/ 1079814 h 1086037"/>
              <a:gd name="connsiteX3" fmla="*/ 11525625 w 11527226"/>
              <a:gd name="connsiteY3" fmla="*/ 1086037 h 1086037"/>
              <a:gd name="connsiteX4" fmla="*/ 22 w 11527226"/>
              <a:gd name="connsiteY4" fmla="*/ 1086037 h 1086037"/>
              <a:gd name="connsiteX5" fmla="*/ 0 w 11527226"/>
              <a:gd name="connsiteY5" fmla="*/ 1060892 h 1086037"/>
              <a:gd name="connsiteX6" fmla="*/ 931 w 11527226"/>
              <a:gd name="connsiteY6" fmla="*/ 516561 h 10860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527226" h="1086037">
                <a:moveTo>
                  <a:pt x="9036365" y="0"/>
                </a:moveTo>
                <a:lnTo>
                  <a:pt x="11525043" y="181509"/>
                </a:lnTo>
                <a:cubicBezTo>
                  <a:pt x="11526035" y="572106"/>
                  <a:pt x="11529037" y="638215"/>
                  <a:pt x="11525675" y="1079814"/>
                </a:cubicBezTo>
                <a:lnTo>
                  <a:pt x="11525625" y="1086037"/>
                </a:lnTo>
                <a:lnTo>
                  <a:pt x="22" y="1086037"/>
                </a:lnTo>
                <a:lnTo>
                  <a:pt x="0" y="1060892"/>
                </a:lnTo>
                <a:cubicBezTo>
                  <a:pt x="252" y="833050"/>
                  <a:pt x="3408" y="775614"/>
                  <a:pt x="931" y="516561"/>
                </a:cubicBezTo>
                <a:close/>
              </a:path>
            </a:pathLst>
          </a:cu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p>
        </p:txBody>
      </p:sp>
      <p:pic>
        <p:nvPicPr>
          <p:cNvPr id="12" name="Picture 11">
            <a:extLst>
              <a:ext uri="{FF2B5EF4-FFF2-40B4-BE49-F238E27FC236}">
                <a16:creationId xmlns:a16="http://schemas.microsoft.com/office/drawing/2014/main" id="{78DC050D-D22A-4D10-A199-DD3819782154}"/>
              </a:ext>
            </a:extLst>
          </p:cNvPr>
          <p:cNvPicPr>
            <a:picLocks noChangeAspect="1"/>
          </p:cNvPicPr>
          <p:nvPr userDrawn="1"/>
        </p:nvPicPr>
        <p:blipFill>
          <a:blip r:embed="rId2"/>
          <a:stretch>
            <a:fillRect/>
          </a:stretch>
        </p:blipFill>
        <p:spPr>
          <a:xfrm>
            <a:off x="10376920" y="5813810"/>
            <a:ext cx="1813011" cy="1032482"/>
          </a:xfrm>
          <a:prstGeom prst="rect">
            <a:avLst/>
          </a:prstGeom>
        </p:spPr>
      </p:pic>
    </p:spTree>
    <p:extLst>
      <p:ext uri="{BB962C8B-B14F-4D97-AF65-F5344CB8AC3E}">
        <p14:creationId xmlns:p14="http://schemas.microsoft.com/office/powerpoint/2010/main" val="369807452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Indhold i to spalter C">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2FE32A1-5A9B-4401-B280-EE922E76D03F}"/>
              </a:ext>
            </a:extLst>
          </p:cNvPr>
          <p:cNvSpPr>
            <a:spLocks noGrp="1"/>
          </p:cNvSpPr>
          <p:nvPr>
            <p:ph type="title" hasCustomPrompt="1"/>
          </p:nvPr>
        </p:nvSpPr>
        <p:spPr/>
        <p:txBody>
          <a:bodyPr/>
          <a:lstStyle>
            <a:lvl1pPr>
              <a:defRPr/>
            </a:lvl1pPr>
          </a:lstStyle>
          <a:p>
            <a:r>
              <a:rPr lang="da-DK" dirty="0"/>
              <a:t>Klik for at tilføje titel</a:t>
            </a:r>
          </a:p>
        </p:txBody>
      </p:sp>
      <p:sp>
        <p:nvSpPr>
          <p:cNvPr id="3" name="Content Placeholder 2">
            <a:extLst>
              <a:ext uri="{FF2B5EF4-FFF2-40B4-BE49-F238E27FC236}">
                <a16:creationId xmlns:a16="http://schemas.microsoft.com/office/drawing/2014/main" id="{875CD19E-FC03-48E4-9927-51BF6EA2B54E}"/>
              </a:ext>
            </a:extLst>
          </p:cNvPr>
          <p:cNvSpPr>
            <a:spLocks noGrp="1"/>
          </p:cNvSpPr>
          <p:nvPr>
            <p:ph sz="quarter" idx="10" hasCustomPrompt="1"/>
          </p:nvPr>
        </p:nvSpPr>
        <p:spPr>
          <a:xfrm>
            <a:off x="612000" y="3039227"/>
            <a:ext cx="5332385" cy="3318115"/>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Content Placeholder 4">
            <a:extLst>
              <a:ext uri="{FF2B5EF4-FFF2-40B4-BE49-F238E27FC236}">
                <a16:creationId xmlns:a16="http://schemas.microsoft.com/office/drawing/2014/main" id="{46D4765C-044E-4BC0-AA33-BCAAC9672794}"/>
              </a:ext>
            </a:extLst>
          </p:cNvPr>
          <p:cNvSpPr>
            <a:spLocks noGrp="1"/>
          </p:cNvSpPr>
          <p:nvPr>
            <p:ph sz="quarter" idx="11" hasCustomPrompt="1"/>
          </p:nvPr>
        </p:nvSpPr>
        <p:spPr>
          <a:xfrm>
            <a:off x="6133655" y="3039227"/>
            <a:ext cx="5332945" cy="3318115"/>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Tree>
    <p:extLst>
      <p:ext uri="{BB962C8B-B14F-4D97-AF65-F5344CB8AC3E}">
        <p14:creationId xmlns:p14="http://schemas.microsoft.com/office/powerpoint/2010/main" val="231877817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elslide, baggrundsbillede med bro A">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DD7143F-B08C-424D-A70B-F1A9C985FD57}"/>
              </a:ext>
            </a:extLst>
          </p:cNvPr>
          <p:cNvPicPr>
            <a:picLocks/>
          </p:cNvPicPr>
          <p:nvPr userDrawn="1"/>
        </p:nvPicPr>
        <p:blipFill rotWithShape="1">
          <a:blip r:embed="rId2"/>
          <a:srcRect t="28" b="28"/>
          <a:stretch/>
        </p:blipFill>
        <p:spPr>
          <a:xfrm>
            <a:off x="0" y="1"/>
            <a:ext cx="12188825" cy="6858000"/>
          </a:xfrm>
          <a:custGeom>
            <a:avLst/>
            <a:gdLst>
              <a:gd name="connsiteX0" fmla="*/ 0 w 12188825"/>
              <a:gd name="connsiteY0" fmla="*/ 0 h 6858000"/>
              <a:gd name="connsiteX1" fmla="*/ 12188825 w 12188825"/>
              <a:gd name="connsiteY1" fmla="*/ 0 h 6858000"/>
              <a:gd name="connsiteX2" fmla="*/ 12188825 w 12188825"/>
              <a:gd name="connsiteY2" fmla="*/ 5807978 h 6858000"/>
              <a:gd name="connsiteX3" fmla="*/ 9560607 w 12188825"/>
              <a:gd name="connsiteY3" fmla="*/ 5616239 h 6858000"/>
              <a:gd name="connsiteX4" fmla="*/ 1001 w 12188825"/>
              <a:gd name="connsiteY4" fmla="*/ 6162918 h 6858000"/>
              <a:gd name="connsiteX5" fmla="*/ 116 w 12188825"/>
              <a:gd name="connsiteY5" fmla="*/ 6854516 h 6858000"/>
              <a:gd name="connsiteX6" fmla="*/ 12188825 w 12188825"/>
              <a:gd name="connsiteY6" fmla="*/ 6857998 h 6858000"/>
              <a:gd name="connsiteX7" fmla="*/ 12188825 w 12188825"/>
              <a:gd name="connsiteY7" fmla="*/ 6858000 h 6858000"/>
              <a:gd name="connsiteX8" fmla="*/ 0 w 12188825"/>
              <a:gd name="connsiteY8"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88825" h="6858000">
                <a:moveTo>
                  <a:pt x="0" y="0"/>
                </a:moveTo>
                <a:lnTo>
                  <a:pt x="12188825" y="0"/>
                </a:lnTo>
                <a:lnTo>
                  <a:pt x="12188825" y="5807978"/>
                </a:lnTo>
                <a:lnTo>
                  <a:pt x="9560607" y="5616239"/>
                </a:lnTo>
                <a:lnTo>
                  <a:pt x="1001" y="6162918"/>
                </a:lnTo>
                <a:cubicBezTo>
                  <a:pt x="3996" y="6476240"/>
                  <a:pt x="-793" y="6510872"/>
                  <a:pt x="116" y="6854516"/>
                </a:cubicBezTo>
                <a:lnTo>
                  <a:pt x="12188825" y="6857998"/>
                </a:lnTo>
                <a:lnTo>
                  <a:pt x="12188825" y="6858000"/>
                </a:lnTo>
                <a:lnTo>
                  <a:pt x="0" y="6858000"/>
                </a:lnTo>
                <a:close/>
              </a:path>
            </a:pathLst>
          </a:custGeom>
        </p:spPr>
      </p:pic>
      <p:sp>
        <p:nvSpPr>
          <p:cNvPr id="2" name="Title 1"/>
          <p:cNvSpPr>
            <a:spLocks noGrp="1"/>
          </p:cNvSpPr>
          <p:nvPr>
            <p:ph type="ctrTitle" hasCustomPrompt="1"/>
          </p:nvPr>
        </p:nvSpPr>
        <p:spPr>
          <a:xfrm>
            <a:off x="1523603" y="1409570"/>
            <a:ext cx="9141619" cy="1490541"/>
          </a:xfrm>
          <a:prstGeom prst="rect">
            <a:avLst/>
          </a:prstGeom>
        </p:spPr>
        <p:txBody>
          <a:bodyPr anchor="b" anchorCtr="0">
            <a:normAutofit/>
          </a:bodyPr>
          <a:lstStyle>
            <a:lvl1pPr algn="ctr">
              <a:defRPr sz="4867">
                <a:solidFill>
                  <a:schemeClr val="tx1"/>
                </a:solidFill>
                <a:latin typeface="+mj-lt"/>
                <a:ea typeface="Open Sans Light" panose="020B0306030504020204" pitchFamily="34" charset="0"/>
                <a:cs typeface="Open Sans Light" panose="020B0306030504020204" pitchFamily="34" charset="0"/>
              </a:defRPr>
            </a:lvl1pPr>
          </a:lstStyle>
          <a:p>
            <a:r>
              <a:rPr lang="da-DK" dirty="0"/>
              <a:t>Klik for at tilføje titel</a:t>
            </a:r>
          </a:p>
        </p:txBody>
      </p:sp>
      <p:sp>
        <p:nvSpPr>
          <p:cNvPr id="3" name="Subtitle 2"/>
          <p:cNvSpPr>
            <a:spLocks noGrp="1"/>
          </p:cNvSpPr>
          <p:nvPr>
            <p:ph type="subTitle" idx="1" hasCustomPrompt="1"/>
          </p:nvPr>
        </p:nvSpPr>
        <p:spPr>
          <a:xfrm>
            <a:off x="1523603" y="3045947"/>
            <a:ext cx="9141619" cy="1655762"/>
          </a:xfrm>
          <a:prstGeom prst="rect">
            <a:avLst/>
          </a:prstGeom>
        </p:spPr>
        <p:txBody>
          <a:bodyPr anchor="ctr" anchorCtr="0"/>
          <a:lstStyle>
            <a:lvl1pPr marL="0" indent="0" algn="ctr">
              <a:buNone/>
              <a:defRPr sz="2751" b="0" i="0">
                <a:solidFill>
                  <a:schemeClr val="tx1"/>
                </a:solidFill>
                <a:latin typeface="+mn-lt"/>
                <a:ea typeface="Open Sans Light" panose="020B0306030504020204" pitchFamily="34" charset="0"/>
                <a:cs typeface="Open Sans Light" panose="020B0306030504020204" pitchFamily="34" charset="0"/>
              </a:defRPr>
            </a:lvl1pPr>
            <a:lvl2pPr marL="457064" indent="0" algn="ctr">
              <a:buNone/>
              <a:defRPr sz="2000"/>
            </a:lvl2pPr>
            <a:lvl3pPr marL="914130" indent="0" algn="ctr">
              <a:buNone/>
              <a:defRPr sz="1800"/>
            </a:lvl3pPr>
            <a:lvl4pPr marL="1371194" indent="0" algn="ctr">
              <a:buNone/>
              <a:defRPr sz="1600"/>
            </a:lvl4pPr>
            <a:lvl5pPr marL="1828259" indent="0" algn="ctr">
              <a:buNone/>
              <a:defRPr sz="1600"/>
            </a:lvl5pPr>
            <a:lvl6pPr marL="2285323" indent="0" algn="ctr">
              <a:buNone/>
              <a:defRPr sz="1600"/>
            </a:lvl6pPr>
            <a:lvl7pPr marL="2742389" indent="0" algn="ctr">
              <a:buNone/>
              <a:defRPr sz="1600"/>
            </a:lvl7pPr>
            <a:lvl8pPr marL="3199453" indent="0" algn="ctr">
              <a:buNone/>
              <a:defRPr sz="1600"/>
            </a:lvl8pPr>
            <a:lvl9pPr marL="3656518" indent="0" algn="ctr">
              <a:buNone/>
              <a:defRPr sz="1600"/>
            </a:lvl9pPr>
          </a:lstStyle>
          <a:p>
            <a:r>
              <a:rPr lang="da-DK" dirty="0"/>
              <a:t>Klik for at tilføje undertitel</a:t>
            </a:r>
          </a:p>
        </p:txBody>
      </p:sp>
      <p:sp>
        <p:nvSpPr>
          <p:cNvPr id="15" name="Text Placeholder Logo">
            <a:extLst>
              <a:ext uri="{FF2B5EF4-FFF2-40B4-BE49-F238E27FC236}">
                <a16:creationId xmlns:a16="http://schemas.microsoft.com/office/drawing/2014/main" id="{25FE852E-492C-4201-9654-97E4D541FB9B}"/>
              </a:ext>
            </a:extLst>
          </p:cNvPr>
          <p:cNvSpPr>
            <a:spLocks noGrp="1"/>
          </p:cNvSpPr>
          <p:nvPr>
            <p:ph type="body" sz="quarter" idx="14" hasCustomPrompt="1"/>
          </p:nvPr>
        </p:nvSpPr>
        <p:spPr>
          <a:xfrm>
            <a:off x="30471" y="68578"/>
            <a:ext cx="1813011" cy="1032482"/>
          </a:xfrm>
          <a:blipFill>
            <a:blip r:embed="rId3"/>
            <a:stretch>
              <a:fillRect/>
            </a:stretch>
          </a:blipFill>
        </p:spPr>
        <p:txBody>
          <a:bodyPr>
            <a:normAutofit/>
          </a:bodyPr>
          <a:lstStyle>
            <a:lvl1pPr marL="0" indent="0">
              <a:buNone/>
              <a:defRPr sz="106"/>
            </a:lvl1pPr>
          </a:lstStyle>
          <a:p>
            <a:pPr lvl="0"/>
            <a:r>
              <a:rPr lang="da-DK" dirty="0"/>
              <a:t>.</a:t>
            </a:r>
          </a:p>
        </p:txBody>
      </p:sp>
    </p:spTree>
    <p:extLst>
      <p:ext uri="{BB962C8B-B14F-4D97-AF65-F5344CB8AC3E}">
        <p14:creationId xmlns:p14="http://schemas.microsoft.com/office/powerpoint/2010/main" val="112304008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Indhold i 2 spalter uden overskrift A">
    <p:spTree>
      <p:nvGrpSpPr>
        <p:cNvPr id="1" name=""/>
        <p:cNvGrpSpPr/>
        <p:nvPr/>
      </p:nvGrpSpPr>
      <p:grpSpPr>
        <a:xfrm>
          <a:off x="0" y="0"/>
          <a:ext cx="0" cy="0"/>
          <a:chOff x="0" y="0"/>
          <a:chExt cx="0" cy="0"/>
        </a:xfrm>
      </p:grpSpPr>
      <p:sp>
        <p:nvSpPr>
          <p:cNvPr id="7" name="Freeform 6">
            <a:extLst>
              <a:ext uri="{FF2B5EF4-FFF2-40B4-BE49-F238E27FC236}">
                <a16:creationId xmlns:a16="http://schemas.microsoft.com/office/drawing/2014/main" id="{BBC91F07-0D2F-E944-AD40-1C797C06E5D1}"/>
              </a:ext>
            </a:extLst>
          </p:cNvPr>
          <p:cNvSpPr/>
          <p:nvPr userDrawn="1"/>
        </p:nvSpPr>
        <p:spPr>
          <a:xfrm>
            <a:off x="-1" y="763635"/>
            <a:ext cx="12193066" cy="6094365"/>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24496" h="6500326">
                <a:moveTo>
                  <a:pt x="0" y="542140"/>
                </a:moveTo>
                <a:lnTo>
                  <a:pt x="9114809" y="0"/>
                </a:lnTo>
                <a:lnTo>
                  <a:pt x="11520937" y="208706"/>
                </a:lnTo>
                <a:cubicBezTo>
                  <a:pt x="11518820" y="2311792"/>
                  <a:pt x="11526229" y="4397240"/>
                  <a:pt x="11524112" y="6500326"/>
                </a:cubicBezTo>
                <a:lnTo>
                  <a:pt x="331" y="6495386"/>
                </a:lnTo>
                <a:cubicBezTo>
                  <a:pt x="221" y="4509795"/>
                  <a:pt x="110" y="2527731"/>
                  <a:pt x="0" y="54214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3" name="Content Placeholder 2">
            <a:extLst>
              <a:ext uri="{FF2B5EF4-FFF2-40B4-BE49-F238E27FC236}">
                <a16:creationId xmlns:a16="http://schemas.microsoft.com/office/drawing/2014/main" id="{AD0C0B15-23D0-4677-97D7-43EEDAA16253}"/>
              </a:ext>
            </a:extLst>
          </p:cNvPr>
          <p:cNvSpPr>
            <a:spLocks noGrp="1"/>
          </p:cNvSpPr>
          <p:nvPr>
            <p:ph sz="quarter" idx="10" hasCustomPrompt="1"/>
          </p:nvPr>
        </p:nvSpPr>
        <p:spPr>
          <a:xfrm>
            <a:off x="612000" y="1409570"/>
            <a:ext cx="5331036" cy="4947165"/>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5" name="Content Placeholder 4">
            <a:extLst>
              <a:ext uri="{FF2B5EF4-FFF2-40B4-BE49-F238E27FC236}">
                <a16:creationId xmlns:a16="http://schemas.microsoft.com/office/drawing/2014/main" id="{B6FC8B95-539C-4B5D-A49D-D511FE3698A7}"/>
              </a:ext>
            </a:extLst>
          </p:cNvPr>
          <p:cNvSpPr>
            <a:spLocks noGrp="1"/>
          </p:cNvSpPr>
          <p:nvPr>
            <p:ph sz="quarter" idx="11" hasCustomPrompt="1"/>
          </p:nvPr>
        </p:nvSpPr>
        <p:spPr>
          <a:xfrm>
            <a:off x="6133883" y="1409570"/>
            <a:ext cx="5331036" cy="4947165"/>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8" name="Freeform: Shape 7">
            <a:extLst>
              <a:ext uri="{FF2B5EF4-FFF2-40B4-BE49-F238E27FC236}">
                <a16:creationId xmlns:a16="http://schemas.microsoft.com/office/drawing/2014/main" id="{881D7E33-0D48-4997-BBCA-6ABDF9662BC9}"/>
              </a:ext>
            </a:extLst>
          </p:cNvPr>
          <p:cNvSpPr/>
          <p:nvPr userDrawn="1"/>
        </p:nvSpPr>
        <p:spPr>
          <a:xfrm>
            <a:off x="-1" y="0"/>
            <a:ext cx="12193066" cy="1273923"/>
          </a:xfrm>
          <a:custGeom>
            <a:avLst/>
            <a:gdLst>
              <a:gd name="connsiteX0" fmla="*/ 0 w 11524496"/>
              <a:gd name="connsiteY0" fmla="*/ 0 h 1203739"/>
              <a:gd name="connsiteX1" fmla="*/ 11524496 w 11524496"/>
              <a:gd name="connsiteY1" fmla="*/ 0 h 1203739"/>
              <a:gd name="connsiteX2" fmla="*/ 11524496 w 11524496"/>
              <a:gd name="connsiteY2" fmla="*/ 1203739 h 1203739"/>
              <a:gd name="connsiteX3" fmla="*/ 11521131 w 11524496"/>
              <a:gd name="connsiteY3" fmla="*/ 1203739 h 1203739"/>
              <a:gd name="connsiteX4" fmla="*/ 11520937 w 11524496"/>
              <a:gd name="connsiteY4" fmla="*/ 891268 h 1203739"/>
              <a:gd name="connsiteX5" fmla="*/ 11520489 w 11524496"/>
              <a:gd name="connsiteY5" fmla="*/ 891236 h 1203739"/>
              <a:gd name="connsiteX6" fmla="*/ 11520489 w 11524496"/>
              <a:gd name="connsiteY6" fmla="*/ 918369 h 1203739"/>
              <a:gd name="connsiteX7" fmla="*/ 11520423 w 11524496"/>
              <a:gd name="connsiteY7" fmla="*/ 918369 h 1203739"/>
              <a:gd name="connsiteX8" fmla="*/ 11520424 w 11524496"/>
              <a:gd name="connsiteY8" fmla="*/ 909525 h 1203739"/>
              <a:gd name="connsiteX9" fmla="*/ 9249210 w 11524496"/>
              <a:gd name="connsiteY9" fmla="*/ 731044 h 1203739"/>
              <a:gd name="connsiteX10" fmla="*/ 9116877 w 11524496"/>
              <a:gd name="connsiteY10" fmla="*/ 721711 h 1203739"/>
              <a:gd name="connsiteX11" fmla="*/ 9116878 w 11524496"/>
              <a:gd name="connsiteY11" fmla="*/ 728821 h 1203739"/>
              <a:gd name="connsiteX12" fmla="*/ 9116397 w 11524496"/>
              <a:gd name="connsiteY12" fmla="*/ 728821 h 1203739"/>
              <a:gd name="connsiteX13" fmla="*/ 9116396 w 11524496"/>
              <a:gd name="connsiteY13" fmla="*/ 721677 h 1203739"/>
              <a:gd name="connsiteX14" fmla="*/ 9115486 w 11524496"/>
              <a:gd name="connsiteY14" fmla="*/ 721613 h 1203739"/>
              <a:gd name="connsiteX15" fmla="*/ 117856 w 11524496"/>
              <a:gd name="connsiteY15" fmla="*/ 1203325 h 1203739"/>
              <a:gd name="connsiteX16" fmla="*/ 3 w 11524496"/>
              <a:gd name="connsiteY16" fmla="*/ 1203325 h 1203739"/>
              <a:gd name="connsiteX17" fmla="*/ 3 w 11524496"/>
              <a:gd name="connsiteY17" fmla="*/ 1203739 h 1203739"/>
              <a:gd name="connsiteX18" fmla="*/ 0 w 11524496"/>
              <a:gd name="connsiteY18" fmla="*/ 1203739 h 1203739"/>
              <a:gd name="connsiteX19" fmla="*/ 0 w 11524496"/>
              <a:gd name="connsiteY19" fmla="*/ 1162389 h 1203739"/>
              <a:gd name="connsiteX20" fmla="*/ 1 w 11524496"/>
              <a:gd name="connsiteY20" fmla="*/ 1177454 h 1203739"/>
              <a:gd name="connsiteX21" fmla="*/ 1 w 11524496"/>
              <a:gd name="connsiteY21" fmla="*/ 1162389 h 1203739"/>
              <a:gd name="connsiteX22" fmla="*/ 0 w 11524496"/>
              <a:gd name="connsiteY22" fmla="*/ 1162389 h 12037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1524496" h="1203739">
                <a:moveTo>
                  <a:pt x="0" y="0"/>
                </a:moveTo>
                <a:lnTo>
                  <a:pt x="11524496" y="0"/>
                </a:lnTo>
                <a:lnTo>
                  <a:pt x="11524496" y="1203739"/>
                </a:lnTo>
                <a:lnTo>
                  <a:pt x="11521131" y="1203739"/>
                </a:lnTo>
                <a:lnTo>
                  <a:pt x="11520937" y="891268"/>
                </a:lnTo>
                <a:lnTo>
                  <a:pt x="11520489" y="891236"/>
                </a:lnTo>
                <a:lnTo>
                  <a:pt x="11520489" y="918369"/>
                </a:lnTo>
                <a:lnTo>
                  <a:pt x="11520423" y="918369"/>
                </a:lnTo>
                <a:lnTo>
                  <a:pt x="11520424" y="909525"/>
                </a:lnTo>
                <a:lnTo>
                  <a:pt x="9249210" y="731044"/>
                </a:lnTo>
                <a:lnTo>
                  <a:pt x="9116877" y="721711"/>
                </a:lnTo>
                <a:lnTo>
                  <a:pt x="9116878" y="728821"/>
                </a:lnTo>
                <a:lnTo>
                  <a:pt x="9116397" y="728821"/>
                </a:lnTo>
                <a:lnTo>
                  <a:pt x="9116396" y="721677"/>
                </a:lnTo>
                <a:lnTo>
                  <a:pt x="9115486" y="721613"/>
                </a:lnTo>
                <a:lnTo>
                  <a:pt x="117856" y="1203325"/>
                </a:lnTo>
                <a:lnTo>
                  <a:pt x="3" y="1203325"/>
                </a:lnTo>
                <a:lnTo>
                  <a:pt x="3" y="1203739"/>
                </a:lnTo>
                <a:lnTo>
                  <a:pt x="0" y="1203739"/>
                </a:lnTo>
                <a:lnTo>
                  <a:pt x="0" y="1162389"/>
                </a:lnTo>
                <a:lnTo>
                  <a:pt x="1" y="1177454"/>
                </a:lnTo>
                <a:lnTo>
                  <a:pt x="1" y="1162389"/>
                </a:lnTo>
                <a:lnTo>
                  <a:pt x="0" y="1162389"/>
                </a:lnTo>
                <a:close/>
              </a:path>
            </a:pathLst>
          </a:custGeom>
          <a:solidFill>
            <a:srgbClr val="D9D9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err="1"/>
          </a:p>
        </p:txBody>
      </p:sp>
      <p:pic>
        <p:nvPicPr>
          <p:cNvPr id="9" name="Picture 8">
            <a:extLst>
              <a:ext uri="{FF2B5EF4-FFF2-40B4-BE49-F238E27FC236}">
                <a16:creationId xmlns:a16="http://schemas.microsoft.com/office/drawing/2014/main" id="{CB25C514-EAA1-4D6C-AFC7-38DAB62FA0F4}"/>
              </a:ext>
            </a:extLst>
          </p:cNvPr>
          <p:cNvPicPr>
            <a:picLocks noChangeAspect="1"/>
          </p:cNvPicPr>
          <p:nvPr userDrawn="1"/>
        </p:nvPicPr>
        <p:blipFill>
          <a:blip r:embed="rId2"/>
          <a:stretch>
            <a:fillRect/>
          </a:stretch>
        </p:blipFill>
        <p:spPr>
          <a:xfrm>
            <a:off x="30471" y="68578"/>
            <a:ext cx="1813011" cy="1032482"/>
          </a:xfrm>
          <a:prstGeom prst="rect">
            <a:avLst/>
          </a:prstGeom>
        </p:spPr>
      </p:pic>
    </p:spTree>
    <p:extLst>
      <p:ext uri="{BB962C8B-B14F-4D97-AF65-F5344CB8AC3E}">
        <p14:creationId xmlns:p14="http://schemas.microsoft.com/office/powerpoint/2010/main" val="510562523"/>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preserve="1" userDrawn="1">
  <p:cSld name="Indhold i 2 spalter uden overskrift B">
    <p:spTree>
      <p:nvGrpSpPr>
        <p:cNvPr id="1" name=""/>
        <p:cNvGrpSpPr/>
        <p:nvPr/>
      </p:nvGrpSpPr>
      <p:grpSpPr>
        <a:xfrm>
          <a:off x="0" y="0"/>
          <a:ext cx="0" cy="0"/>
          <a:chOff x="0" y="0"/>
          <a:chExt cx="0" cy="0"/>
        </a:xfrm>
      </p:grpSpPr>
      <p:sp>
        <p:nvSpPr>
          <p:cNvPr id="7" name="Freeform 6">
            <a:extLst>
              <a:ext uri="{FF2B5EF4-FFF2-40B4-BE49-F238E27FC236}">
                <a16:creationId xmlns:a16="http://schemas.microsoft.com/office/drawing/2014/main" id="{BBC91F07-0D2F-E944-AD40-1C797C06E5D1}"/>
              </a:ext>
            </a:extLst>
          </p:cNvPr>
          <p:cNvSpPr/>
          <p:nvPr userDrawn="1"/>
        </p:nvSpPr>
        <p:spPr>
          <a:xfrm>
            <a:off x="-1" y="763635"/>
            <a:ext cx="12193066" cy="6094365"/>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24496" h="6500326">
                <a:moveTo>
                  <a:pt x="0" y="542140"/>
                </a:moveTo>
                <a:lnTo>
                  <a:pt x="9114809" y="0"/>
                </a:lnTo>
                <a:lnTo>
                  <a:pt x="11520937" y="208706"/>
                </a:lnTo>
                <a:cubicBezTo>
                  <a:pt x="11518820" y="2311792"/>
                  <a:pt x="11526229" y="4397240"/>
                  <a:pt x="11524112" y="6500326"/>
                </a:cubicBezTo>
                <a:lnTo>
                  <a:pt x="331" y="6495386"/>
                </a:lnTo>
                <a:cubicBezTo>
                  <a:pt x="221" y="4509795"/>
                  <a:pt x="110" y="2527731"/>
                  <a:pt x="0" y="54214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3" name="Content Placeholder 2">
            <a:extLst>
              <a:ext uri="{FF2B5EF4-FFF2-40B4-BE49-F238E27FC236}">
                <a16:creationId xmlns:a16="http://schemas.microsoft.com/office/drawing/2014/main" id="{AD0C0B15-23D0-4677-97D7-43EEDAA16253}"/>
              </a:ext>
            </a:extLst>
          </p:cNvPr>
          <p:cNvSpPr>
            <a:spLocks noGrp="1"/>
          </p:cNvSpPr>
          <p:nvPr>
            <p:ph sz="quarter" idx="10" hasCustomPrompt="1"/>
          </p:nvPr>
        </p:nvSpPr>
        <p:spPr>
          <a:xfrm>
            <a:off x="612000" y="1409571"/>
            <a:ext cx="5331036" cy="4194803"/>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5" name="Content Placeholder 4">
            <a:extLst>
              <a:ext uri="{FF2B5EF4-FFF2-40B4-BE49-F238E27FC236}">
                <a16:creationId xmlns:a16="http://schemas.microsoft.com/office/drawing/2014/main" id="{B6FC8B95-539C-4B5D-A49D-D511FE3698A7}"/>
              </a:ext>
            </a:extLst>
          </p:cNvPr>
          <p:cNvSpPr>
            <a:spLocks noGrp="1"/>
          </p:cNvSpPr>
          <p:nvPr>
            <p:ph sz="quarter" idx="11" hasCustomPrompt="1"/>
          </p:nvPr>
        </p:nvSpPr>
        <p:spPr>
          <a:xfrm>
            <a:off x="6133883" y="1409571"/>
            <a:ext cx="5331036" cy="4194803"/>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10" name="Freeform: Shape 9">
            <a:extLst>
              <a:ext uri="{FF2B5EF4-FFF2-40B4-BE49-F238E27FC236}">
                <a16:creationId xmlns:a16="http://schemas.microsoft.com/office/drawing/2014/main" id="{364B7B47-CD19-4721-ACEC-0A330D94778A}"/>
              </a:ext>
            </a:extLst>
          </p:cNvPr>
          <p:cNvSpPr/>
          <p:nvPr userDrawn="1"/>
        </p:nvSpPr>
        <p:spPr>
          <a:xfrm>
            <a:off x="-985" y="5710376"/>
            <a:ext cx="12195954" cy="1149358"/>
          </a:xfrm>
          <a:custGeom>
            <a:avLst/>
            <a:gdLst>
              <a:gd name="connsiteX0" fmla="*/ 9036365 w 11527226"/>
              <a:gd name="connsiteY0" fmla="*/ 0 h 1086037"/>
              <a:gd name="connsiteX1" fmla="*/ 11525043 w 11527226"/>
              <a:gd name="connsiteY1" fmla="*/ 181509 h 1086037"/>
              <a:gd name="connsiteX2" fmla="*/ 11525675 w 11527226"/>
              <a:gd name="connsiteY2" fmla="*/ 1079814 h 1086037"/>
              <a:gd name="connsiteX3" fmla="*/ 11525625 w 11527226"/>
              <a:gd name="connsiteY3" fmla="*/ 1086037 h 1086037"/>
              <a:gd name="connsiteX4" fmla="*/ 22 w 11527226"/>
              <a:gd name="connsiteY4" fmla="*/ 1086037 h 1086037"/>
              <a:gd name="connsiteX5" fmla="*/ 0 w 11527226"/>
              <a:gd name="connsiteY5" fmla="*/ 1060892 h 1086037"/>
              <a:gd name="connsiteX6" fmla="*/ 931 w 11527226"/>
              <a:gd name="connsiteY6" fmla="*/ 516561 h 10860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1527226" h="1086037">
                <a:moveTo>
                  <a:pt x="9036365" y="0"/>
                </a:moveTo>
                <a:lnTo>
                  <a:pt x="11525043" y="181509"/>
                </a:lnTo>
                <a:cubicBezTo>
                  <a:pt x="11526035" y="572106"/>
                  <a:pt x="11529037" y="638215"/>
                  <a:pt x="11525675" y="1079814"/>
                </a:cubicBezTo>
                <a:lnTo>
                  <a:pt x="11525625" y="1086037"/>
                </a:lnTo>
                <a:lnTo>
                  <a:pt x="22" y="1086037"/>
                </a:lnTo>
                <a:lnTo>
                  <a:pt x="0" y="1060892"/>
                </a:lnTo>
                <a:cubicBezTo>
                  <a:pt x="252" y="833050"/>
                  <a:pt x="3408" y="775614"/>
                  <a:pt x="931" y="516561"/>
                </a:cubicBezTo>
                <a:close/>
              </a:path>
            </a:pathLst>
          </a:custGeom>
          <a:solidFill>
            <a:schemeClr val="bg1">
              <a:lumMod val="8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p>
        </p:txBody>
      </p:sp>
      <p:pic>
        <p:nvPicPr>
          <p:cNvPr id="11" name="Picture 10">
            <a:extLst>
              <a:ext uri="{FF2B5EF4-FFF2-40B4-BE49-F238E27FC236}">
                <a16:creationId xmlns:a16="http://schemas.microsoft.com/office/drawing/2014/main" id="{A8496287-28BA-44F7-A9A4-263FF084275B}"/>
              </a:ext>
            </a:extLst>
          </p:cNvPr>
          <p:cNvPicPr>
            <a:picLocks noChangeAspect="1"/>
          </p:cNvPicPr>
          <p:nvPr userDrawn="1"/>
        </p:nvPicPr>
        <p:blipFill>
          <a:blip r:embed="rId2"/>
          <a:stretch>
            <a:fillRect/>
          </a:stretch>
        </p:blipFill>
        <p:spPr>
          <a:xfrm>
            <a:off x="10376920" y="5813810"/>
            <a:ext cx="1813011" cy="1032482"/>
          </a:xfrm>
          <a:prstGeom prst="rect">
            <a:avLst/>
          </a:prstGeom>
        </p:spPr>
      </p:pic>
    </p:spTree>
    <p:extLst>
      <p:ext uri="{BB962C8B-B14F-4D97-AF65-F5344CB8AC3E}">
        <p14:creationId xmlns:p14="http://schemas.microsoft.com/office/powerpoint/2010/main" val="2344548533"/>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Indhold i 2 spalter uden overskrift C">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AD0C0B15-23D0-4677-97D7-43EEDAA16253}"/>
              </a:ext>
            </a:extLst>
          </p:cNvPr>
          <p:cNvSpPr>
            <a:spLocks noGrp="1"/>
          </p:cNvSpPr>
          <p:nvPr>
            <p:ph sz="quarter" idx="10" hasCustomPrompt="1"/>
          </p:nvPr>
        </p:nvSpPr>
        <p:spPr>
          <a:xfrm>
            <a:off x="612000" y="1409571"/>
            <a:ext cx="5331036" cy="4947772"/>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
        <p:nvSpPr>
          <p:cNvPr id="5" name="Content Placeholder 4">
            <a:extLst>
              <a:ext uri="{FF2B5EF4-FFF2-40B4-BE49-F238E27FC236}">
                <a16:creationId xmlns:a16="http://schemas.microsoft.com/office/drawing/2014/main" id="{B6FC8B95-539C-4B5D-A49D-D511FE3698A7}"/>
              </a:ext>
            </a:extLst>
          </p:cNvPr>
          <p:cNvSpPr>
            <a:spLocks noGrp="1"/>
          </p:cNvSpPr>
          <p:nvPr>
            <p:ph sz="quarter" idx="11" hasCustomPrompt="1"/>
          </p:nvPr>
        </p:nvSpPr>
        <p:spPr>
          <a:xfrm>
            <a:off x="6133883" y="1409571"/>
            <a:ext cx="5331036" cy="4947772"/>
          </a:xfrm>
        </p:spPr>
        <p:txBody>
          <a:bodyPr/>
          <a:lstStyle>
            <a:lvl1pPr>
              <a:defRPr>
                <a:latin typeface="+mn-lt"/>
              </a:defRPr>
            </a:lvl1pPr>
            <a:lvl2pPr>
              <a:defRPr>
                <a:latin typeface="+mn-lt"/>
              </a:defRPr>
            </a:lvl2pPr>
            <a:lvl3pPr>
              <a:defRPr>
                <a:latin typeface="+mn-lt"/>
              </a:defRPr>
            </a:lvl3pPr>
            <a:lvl4pPr>
              <a:defRPr>
                <a:latin typeface="+mn-lt"/>
              </a:defRPr>
            </a:lvl4pPr>
            <a:lvl5pPr>
              <a:defRPr>
                <a:latin typeface="+mn-lt"/>
              </a:defRPr>
            </a:lvl5pPr>
          </a:lstStyle>
          <a:p>
            <a:pPr lvl="0"/>
            <a:r>
              <a:rPr lang="da-DK" noProof="0" dirty="0"/>
              <a:t>Klik for at tilføje tekst</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p:txBody>
      </p:sp>
    </p:spTree>
    <p:extLst>
      <p:ext uri="{BB962C8B-B14F-4D97-AF65-F5344CB8AC3E}">
        <p14:creationId xmlns:p14="http://schemas.microsoft.com/office/powerpoint/2010/main" val="3284456765"/>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Blank med logo og grå top">
    <p:spTree>
      <p:nvGrpSpPr>
        <p:cNvPr id="1" name=""/>
        <p:cNvGrpSpPr/>
        <p:nvPr/>
      </p:nvGrpSpPr>
      <p:grpSpPr>
        <a:xfrm>
          <a:off x="0" y="0"/>
          <a:ext cx="0" cy="0"/>
          <a:chOff x="0" y="0"/>
          <a:chExt cx="0" cy="0"/>
        </a:xfrm>
      </p:grpSpPr>
      <p:sp>
        <p:nvSpPr>
          <p:cNvPr id="4" name="Freeform: Shape 3">
            <a:extLst>
              <a:ext uri="{FF2B5EF4-FFF2-40B4-BE49-F238E27FC236}">
                <a16:creationId xmlns:a16="http://schemas.microsoft.com/office/drawing/2014/main" id="{F19B3F20-AC6B-4D96-A9ED-C49CDD27071D}"/>
              </a:ext>
            </a:extLst>
          </p:cNvPr>
          <p:cNvSpPr/>
          <p:nvPr userDrawn="1"/>
        </p:nvSpPr>
        <p:spPr>
          <a:xfrm>
            <a:off x="-1" y="0"/>
            <a:ext cx="12193066" cy="1273923"/>
          </a:xfrm>
          <a:custGeom>
            <a:avLst/>
            <a:gdLst>
              <a:gd name="connsiteX0" fmla="*/ 0 w 11524496"/>
              <a:gd name="connsiteY0" fmla="*/ 0 h 1203739"/>
              <a:gd name="connsiteX1" fmla="*/ 11524496 w 11524496"/>
              <a:gd name="connsiteY1" fmla="*/ 0 h 1203739"/>
              <a:gd name="connsiteX2" fmla="*/ 11524496 w 11524496"/>
              <a:gd name="connsiteY2" fmla="*/ 1203739 h 1203739"/>
              <a:gd name="connsiteX3" fmla="*/ 11521131 w 11524496"/>
              <a:gd name="connsiteY3" fmla="*/ 1203739 h 1203739"/>
              <a:gd name="connsiteX4" fmla="*/ 11520937 w 11524496"/>
              <a:gd name="connsiteY4" fmla="*/ 891268 h 1203739"/>
              <a:gd name="connsiteX5" fmla="*/ 11520489 w 11524496"/>
              <a:gd name="connsiteY5" fmla="*/ 891236 h 1203739"/>
              <a:gd name="connsiteX6" fmla="*/ 11520489 w 11524496"/>
              <a:gd name="connsiteY6" fmla="*/ 918369 h 1203739"/>
              <a:gd name="connsiteX7" fmla="*/ 11520423 w 11524496"/>
              <a:gd name="connsiteY7" fmla="*/ 918369 h 1203739"/>
              <a:gd name="connsiteX8" fmla="*/ 11520424 w 11524496"/>
              <a:gd name="connsiteY8" fmla="*/ 909525 h 1203739"/>
              <a:gd name="connsiteX9" fmla="*/ 9249210 w 11524496"/>
              <a:gd name="connsiteY9" fmla="*/ 731044 h 1203739"/>
              <a:gd name="connsiteX10" fmla="*/ 9116877 w 11524496"/>
              <a:gd name="connsiteY10" fmla="*/ 721711 h 1203739"/>
              <a:gd name="connsiteX11" fmla="*/ 9116878 w 11524496"/>
              <a:gd name="connsiteY11" fmla="*/ 728821 h 1203739"/>
              <a:gd name="connsiteX12" fmla="*/ 9116397 w 11524496"/>
              <a:gd name="connsiteY12" fmla="*/ 728821 h 1203739"/>
              <a:gd name="connsiteX13" fmla="*/ 9116396 w 11524496"/>
              <a:gd name="connsiteY13" fmla="*/ 721677 h 1203739"/>
              <a:gd name="connsiteX14" fmla="*/ 9115486 w 11524496"/>
              <a:gd name="connsiteY14" fmla="*/ 721613 h 1203739"/>
              <a:gd name="connsiteX15" fmla="*/ 117856 w 11524496"/>
              <a:gd name="connsiteY15" fmla="*/ 1203325 h 1203739"/>
              <a:gd name="connsiteX16" fmla="*/ 3 w 11524496"/>
              <a:gd name="connsiteY16" fmla="*/ 1203325 h 1203739"/>
              <a:gd name="connsiteX17" fmla="*/ 3 w 11524496"/>
              <a:gd name="connsiteY17" fmla="*/ 1203739 h 1203739"/>
              <a:gd name="connsiteX18" fmla="*/ 0 w 11524496"/>
              <a:gd name="connsiteY18" fmla="*/ 1203739 h 1203739"/>
              <a:gd name="connsiteX19" fmla="*/ 0 w 11524496"/>
              <a:gd name="connsiteY19" fmla="*/ 1162389 h 1203739"/>
              <a:gd name="connsiteX20" fmla="*/ 1 w 11524496"/>
              <a:gd name="connsiteY20" fmla="*/ 1177454 h 1203739"/>
              <a:gd name="connsiteX21" fmla="*/ 1 w 11524496"/>
              <a:gd name="connsiteY21" fmla="*/ 1162389 h 1203739"/>
              <a:gd name="connsiteX22" fmla="*/ 0 w 11524496"/>
              <a:gd name="connsiteY22" fmla="*/ 1162389 h 12037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1524496" h="1203739">
                <a:moveTo>
                  <a:pt x="0" y="0"/>
                </a:moveTo>
                <a:lnTo>
                  <a:pt x="11524496" y="0"/>
                </a:lnTo>
                <a:lnTo>
                  <a:pt x="11524496" y="1203739"/>
                </a:lnTo>
                <a:lnTo>
                  <a:pt x="11521131" y="1203739"/>
                </a:lnTo>
                <a:lnTo>
                  <a:pt x="11520937" y="891268"/>
                </a:lnTo>
                <a:lnTo>
                  <a:pt x="11520489" y="891236"/>
                </a:lnTo>
                <a:lnTo>
                  <a:pt x="11520489" y="918369"/>
                </a:lnTo>
                <a:lnTo>
                  <a:pt x="11520423" y="918369"/>
                </a:lnTo>
                <a:lnTo>
                  <a:pt x="11520424" y="909525"/>
                </a:lnTo>
                <a:lnTo>
                  <a:pt x="9249210" y="731044"/>
                </a:lnTo>
                <a:lnTo>
                  <a:pt x="9116877" y="721711"/>
                </a:lnTo>
                <a:lnTo>
                  <a:pt x="9116878" y="728821"/>
                </a:lnTo>
                <a:lnTo>
                  <a:pt x="9116397" y="728821"/>
                </a:lnTo>
                <a:lnTo>
                  <a:pt x="9116396" y="721677"/>
                </a:lnTo>
                <a:lnTo>
                  <a:pt x="9115486" y="721613"/>
                </a:lnTo>
                <a:lnTo>
                  <a:pt x="117856" y="1203325"/>
                </a:lnTo>
                <a:lnTo>
                  <a:pt x="3" y="1203325"/>
                </a:lnTo>
                <a:lnTo>
                  <a:pt x="3" y="1203739"/>
                </a:lnTo>
                <a:lnTo>
                  <a:pt x="0" y="1203739"/>
                </a:lnTo>
                <a:lnTo>
                  <a:pt x="0" y="1162389"/>
                </a:lnTo>
                <a:lnTo>
                  <a:pt x="1" y="1177454"/>
                </a:lnTo>
                <a:lnTo>
                  <a:pt x="1" y="1162389"/>
                </a:lnTo>
                <a:lnTo>
                  <a:pt x="0" y="1162389"/>
                </a:lnTo>
                <a:close/>
              </a:path>
            </a:pathLst>
          </a:custGeom>
          <a:solidFill>
            <a:srgbClr val="D9D9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err="1"/>
          </a:p>
        </p:txBody>
      </p:sp>
      <p:pic>
        <p:nvPicPr>
          <p:cNvPr id="5" name="Picture 4">
            <a:extLst>
              <a:ext uri="{FF2B5EF4-FFF2-40B4-BE49-F238E27FC236}">
                <a16:creationId xmlns:a16="http://schemas.microsoft.com/office/drawing/2014/main" id="{DA7ECB50-1C80-438A-B7F6-14F0972F039F}"/>
              </a:ext>
            </a:extLst>
          </p:cNvPr>
          <p:cNvPicPr>
            <a:picLocks noChangeAspect="1"/>
          </p:cNvPicPr>
          <p:nvPr userDrawn="1"/>
        </p:nvPicPr>
        <p:blipFill>
          <a:blip r:embed="rId2"/>
          <a:stretch>
            <a:fillRect/>
          </a:stretch>
        </p:blipFill>
        <p:spPr>
          <a:xfrm>
            <a:off x="30471" y="68578"/>
            <a:ext cx="1813011" cy="1032482"/>
          </a:xfrm>
          <a:prstGeom prst="rect">
            <a:avLst/>
          </a:prstGeom>
        </p:spPr>
      </p:pic>
    </p:spTree>
    <p:extLst>
      <p:ext uri="{BB962C8B-B14F-4D97-AF65-F5344CB8AC3E}">
        <p14:creationId xmlns:p14="http://schemas.microsoft.com/office/powerpoint/2010/main" val="1035486815"/>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Blank med logo">
    <p:spTree>
      <p:nvGrpSpPr>
        <p:cNvPr id="1" name=""/>
        <p:cNvGrpSpPr/>
        <p:nvPr/>
      </p:nvGrpSpPr>
      <p:grpSpPr>
        <a:xfrm>
          <a:off x="0" y="0"/>
          <a:ext cx="0" cy="0"/>
          <a:chOff x="0" y="0"/>
          <a:chExt cx="0" cy="0"/>
        </a:xfrm>
      </p:grpSpPr>
    </p:spTree>
    <p:extLst>
      <p:ext uri="{BB962C8B-B14F-4D97-AF65-F5344CB8AC3E}">
        <p14:creationId xmlns:p14="http://schemas.microsoft.com/office/powerpoint/2010/main" val="800621704"/>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9dbae7b7-6b3a-439b-aba0-14799395ac07">
    <p:spTree>
      <p:nvGrpSpPr>
        <p:cNvPr id="1" name=""/>
        <p:cNvGrpSpPr/>
        <p:nvPr/>
      </p:nvGrpSpPr>
      <p:grpSpPr>
        <a:xfrm>
          <a:off x="0" y="0"/>
          <a:ext cx="0" cy="0"/>
          <a:chOff x="0" y="0"/>
          <a:chExt cx="0" cy="0"/>
        </a:xfrm>
      </p:grpSpPr>
    </p:spTree>
    <p:extLst>
      <p:ext uri="{BB962C8B-B14F-4D97-AF65-F5344CB8AC3E}">
        <p14:creationId xmlns:p14="http://schemas.microsoft.com/office/powerpoint/2010/main" val="32158729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userDrawn="1">
  <p:cSld name="6d9a805d-1710-4e0e-bda5-4d4b35c89730">
    <p:spTree>
      <p:nvGrpSpPr>
        <p:cNvPr id="1" name=""/>
        <p:cNvGrpSpPr/>
        <p:nvPr/>
      </p:nvGrpSpPr>
      <p:grpSpPr>
        <a:xfrm>
          <a:off x="0" y="0"/>
          <a:ext cx="0" cy="0"/>
          <a:chOff x="0" y="0"/>
          <a:chExt cx="0" cy="0"/>
        </a:xfrm>
      </p:grpSpPr>
    </p:spTree>
    <p:extLst>
      <p:ext uri="{BB962C8B-B14F-4D97-AF65-F5344CB8AC3E}">
        <p14:creationId xmlns:p14="http://schemas.microsoft.com/office/powerpoint/2010/main" val="4224812527"/>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userDrawn="1">
  <p:cSld name="d4a2c5de-e757-4669-82dc-a81a7ec73760">
    <p:spTree>
      <p:nvGrpSpPr>
        <p:cNvPr id="1" name=""/>
        <p:cNvGrpSpPr/>
        <p:nvPr/>
      </p:nvGrpSpPr>
      <p:grpSpPr>
        <a:xfrm>
          <a:off x="0" y="0"/>
          <a:ext cx="0" cy="0"/>
          <a:chOff x="0" y="0"/>
          <a:chExt cx="0" cy="0"/>
        </a:xfrm>
      </p:grpSpPr>
    </p:spTree>
    <p:extLst>
      <p:ext uri="{BB962C8B-B14F-4D97-AF65-F5344CB8AC3E}">
        <p14:creationId xmlns:p14="http://schemas.microsoft.com/office/powerpoint/2010/main" val="3700007621"/>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cSld name="Billede">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93AF2120-6027-4226-9D5C-F2146A8C4027}" type="datetime2">
              <a:rPr lang="da-DK" noProof="0" smtClean="0"/>
              <a:t>8. marts 2022</a:t>
            </a:fld>
            <a:endParaRPr lang="da-DK" noProof="0" dirty="0"/>
          </a:p>
        </p:txBody>
      </p:sp>
      <p:sp>
        <p:nvSpPr>
          <p:cNvPr id="5" name="Footer Placeholder 4"/>
          <p:cNvSpPr>
            <a:spLocks noGrp="1"/>
          </p:cNvSpPr>
          <p:nvPr>
            <p:ph type="ftr" sz="quarter" idx="11"/>
          </p:nvPr>
        </p:nvSpPr>
        <p:spPr/>
        <p:txBody>
          <a:bodyPr/>
          <a:lstStyle/>
          <a:p>
            <a:r>
              <a:rPr lang="da-DK" noProof="0" dirty="0"/>
              <a:t>HK præsentation</a:t>
            </a:r>
          </a:p>
        </p:txBody>
      </p:sp>
      <p:sp>
        <p:nvSpPr>
          <p:cNvPr id="6" name="Slide Number Placeholder 5"/>
          <p:cNvSpPr>
            <a:spLocks noGrp="1"/>
          </p:cNvSpPr>
          <p:nvPr>
            <p:ph type="sldNum" sz="quarter" idx="12"/>
          </p:nvPr>
        </p:nvSpPr>
        <p:spPr/>
        <p:txBody>
          <a:bodyPr/>
          <a:lstStyle/>
          <a:p>
            <a:fld id="{433D74EC-B1F4-4ED0-BDA3-9FE41FAAB2E1}" type="slidenum">
              <a:rPr lang="da-DK" noProof="0" smtClean="0"/>
              <a:t>‹nr.›</a:t>
            </a:fld>
            <a:endParaRPr lang="da-DK" noProof="0" dirty="0"/>
          </a:p>
        </p:txBody>
      </p:sp>
      <p:sp>
        <p:nvSpPr>
          <p:cNvPr id="7" name="Picture Placeholder 2"/>
          <p:cNvSpPr>
            <a:spLocks noGrp="1"/>
          </p:cNvSpPr>
          <p:nvPr>
            <p:ph type="pic" idx="13" hasCustomPrompt="1"/>
          </p:nvPr>
        </p:nvSpPr>
        <p:spPr>
          <a:xfrm>
            <a:off x="428506" y="431999"/>
            <a:ext cx="9717470" cy="5993999"/>
          </a:xfrm>
          <a:solidFill>
            <a:schemeClr val="bg2"/>
          </a:solidFill>
        </p:spPr>
        <p:txBody>
          <a:bodyPr anchor="ctr" anchorCtr="0">
            <a:normAutofit/>
          </a:bodyPr>
          <a:lstStyle>
            <a:lvl1pPr marL="0" indent="0" algn="ctr">
              <a:buNone/>
              <a:defRPr sz="1799" baseline="0">
                <a:solidFill>
                  <a:schemeClr val="tx1"/>
                </a:solidFill>
              </a:defRPr>
            </a:lvl1pPr>
            <a:lvl2pPr marL="457063" indent="0">
              <a:buNone/>
              <a:defRPr sz="2799"/>
            </a:lvl2pPr>
            <a:lvl3pPr marL="914126" indent="0">
              <a:buNone/>
              <a:defRPr sz="2399"/>
            </a:lvl3pPr>
            <a:lvl4pPr marL="1371189" indent="0">
              <a:buNone/>
              <a:defRPr sz="1999"/>
            </a:lvl4pPr>
            <a:lvl5pPr marL="1828251" indent="0">
              <a:buNone/>
              <a:defRPr sz="1999"/>
            </a:lvl5pPr>
            <a:lvl6pPr marL="2285314" indent="0">
              <a:buNone/>
              <a:defRPr sz="1999"/>
            </a:lvl6pPr>
            <a:lvl7pPr marL="2742377" indent="0">
              <a:buNone/>
              <a:defRPr sz="1999"/>
            </a:lvl7pPr>
            <a:lvl8pPr marL="3199440" indent="0">
              <a:buNone/>
              <a:defRPr sz="1999"/>
            </a:lvl8pPr>
            <a:lvl9pPr marL="3656503" indent="0">
              <a:buNone/>
              <a:defRPr sz="1999"/>
            </a:lvl9pPr>
          </a:lstStyle>
          <a:p>
            <a:r>
              <a:rPr lang="da-DK" noProof="0" dirty="0"/>
              <a:t>Indsæt </a:t>
            </a:r>
            <a:r>
              <a:rPr lang="da-DK" noProof="0" dirty="0" err="1"/>
              <a:t>billlede</a:t>
            </a:r>
            <a:endParaRPr lang="da-DK" noProof="0" dirty="0"/>
          </a:p>
        </p:txBody>
      </p:sp>
    </p:spTree>
    <p:extLst>
      <p:ext uri="{BB962C8B-B14F-4D97-AF65-F5344CB8AC3E}">
        <p14:creationId xmlns:p14="http://schemas.microsoft.com/office/powerpoint/2010/main" val="19882283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userDrawn="1">
  <p:cSld name="Titel og indholdsobjekt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609" y="810000"/>
            <a:ext cx="10113366" cy="538740"/>
          </a:xfrm>
        </p:spPr>
        <p:txBody>
          <a:bodyPr/>
          <a:lstStyle>
            <a:lvl1pPr>
              <a:defRPr/>
            </a:lvl1pPr>
          </a:lstStyle>
          <a:p>
            <a:pPr lvl="0"/>
            <a:r>
              <a:rPr lang="da-DK" dirty="0"/>
              <a:t>Klik og indsæt titel</a:t>
            </a:r>
            <a:endParaRPr lang="da-DK" noProof="0" dirty="0"/>
          </a:p>
        </p:txBody>
      </p:sp>
      <p:sp>
        <p:nvSpPr>
          <p:cNvPr id="10" name="Subtitle 2">
            <a:extLst>
              <a:ext uri="{FF2B5EF4-FFF2-40B4-BE49-F238E27FC236}">
                <a16:creationId xmlns:a16="http://schemas.microsoft.com/office/drawing/2014/main" id="{145A9648-0725-4CCD-8C3C-1B2F11F7DE3D}"/>
              </a:ext>
            </a:extLst>
          </p:cNvPr>
          <p:cNvSpPr>
            <a:spLocks noGrp="1"/>
          </p:cNvSpPr>
          <p:nvPr>
            <p:ph type="subTitle" idx="16" hasCustomPrompt="1"/>
          </p:nvPr>
        </p:nvSpPr>
        <p:spPr>
          <a:xfrm>
            <a:off x="539608" y="1175685"/>
            <a:ext cx="10113365" cy="612000"/>
          </a:xfrm>
        </p:spPr>
        <p:txBody>
          <a:bodyPr lIns="0" rIns="0"/>
          <a:lstStyle>
            <a:lvl1pPr marL="0" indent="0" algn="l">
              <a:spcBef>
                <a:spcPts val="0"/>
              </a:spcBef>
              <a:buFont typeface="Arial" panose="020B0604020202020204" pitchFamily="34" charset="0"/>
              <a:buChar char="​"/>
              <a:defRPr lang="da-DK" sz="3599" kern="1200" dirty="0">
                <a:solidFill>
                  <a:schemeClr val="accent1"/>
                </a:solidFill>
                <a:latin typeface="+mj-lt"/>
                <a:ea typeface="+mj-ea"/>
                <a:cs typeface="+mj-cs"/>
              </a:defRPr>
            </a:lvl1pPr>
            <a:lvl2pPr marL="0" indent="0" algn="l">
              <a:spcBef>
                <a:spcPts val="0"/>
              </a:spcBef>
              <a:buFont typeface="Arial" panose="020B0604020202020204" pitchFamily="34" charset="0"/>
              <a:buChar char="​"/>
              <a:defRPr sz="1999"/>
            </a:lvl2pPr>
            <a:lvl3pPr marL="0" indent="0" algn="l">
              <a:spcBef>
                <a:spcPts val="0"/>
              </a:spcBef>
              <a:buFont typeface="Arial" panose="020B0604020202020204" pitchFamily="34" charset="0"/>
              <a:buChar char="​"/>
              <a:defRPr sz="1999"/>
            </a:lvl3pPr>
            <a:lvl4pPr marL="0" indent="0" algn="l">
              <a:spcBef>
                <a:spcPts val="0"/>
              </a:spcBef>
              <a:buFont typeface="Arial" panose="020B0604020202020204" pitchFamily="34" charset="0"/>
              <a:buChar char="​"/>
              <a:defRPr sz="1999"/>
            </a:lvl4pPr>
            <a:lvl5pPr marL="0" indent="0" algn="l">
              <a:spcBef>
                <a:spcPts val="0"/>
              </a:spcBef>
              <a:buFont typeface="Arial" panose="020B0604020202020204" pitchFamily="34" charset="0"/>
              <a:buChar char="​"/>
              <a:defRPr sz="1999"/>
            </a:lvl5pPr>
            <a:lvl6pPr marL="0" indent="0" algn="l">
              <a:spcBef>
                <a:spcPts val="0"/>
              </a:spcBef>
              <a:buFont typeface="Arial" panose="020B0604020202020204" pitchFamily="34" charset="0"/>
              <a:buChar char="​"/>
              <a:defRPr sz="1999"/>
            </a:lvl6pPr>
            <a:lvl7pPr marL="0" indent="0" algn="l">
              <a:spcBef>
                <a:spcPts val="0"/>
              </a:spcBef>
              <a:buFont typeface="Arial" panose="020B0604020202020204" pitchFamily="34" charset="0"/>
              <a:buChar char="​"/>
              <a:defRPr sz="1999"/>
            </a:lvl7pPr>
            <a:lvl8pPr marL="0" indent="0" algn="l">
              <a:spcBef>
                <a:spcPts val="0"/>
              </a:spcBef>
              <a:buFont typeface="Arial" panose="020B0604020202020204" pitchFamily="34" charset="0"/>
              <a:buChar char="​"/>
              <a:defRPr sz="1999"/>
            </a:lvl8pPr>
            <a:lvl9pPr marL="0" indent="0" algn="l">
              <a:spcBef>
                <a:spcPts val="0"/>
              </a:spcBef>
              <a:buFont typeface="Arial" panose="020B0604020202020204" pitchFamily="34" charset="0"/>
              <a:buChar char="​"/>
              <a:defRPr sz="1999"/>
            </a:lvl9pPr>
          </a:lstStyle>
          <a:p>
            <a:r>
              <a:rPr lang="da-DK" dirty="0"/>
              <a:t>Klik og indsæt undertitel</a:t>
            </a:r>
          </a:p>
        </p:txBody>
      </p:sp>
      <p:sp>
        <p:nvSpPr>
          <p:cNvPr id="3" name="Content Placeholder 2"/>
          <p:cNvSpPr>
            <a:spLocks noGrp="1"/>
          </p:cNvSpPr>
          <p:nvPr>
            <p:ph idx="1" hasCustomPrompt="1"/>
          </p:nvPr>
        </p:nvSpPr>
        <p:spPr/>
        <p:txBody>
          <a:bodyPr/>
          <a:lstStyle>
            <a:lvl1pPr>
              <a:defRPr/>
            </a:lvl1pPr>
            <a:lvl2pPr>
              <a:defRPr/>
            </a:lvl2pPr>
            <a:lvl3pPr>
              <a:defRPr/>
            </a:lvl3pPr>
            <a:lvl4pPr>
              <a:defRPr/>
            </a:lvl4pPr>
            <a:lvl5pPr>
              <a:defRPr/>
            </a:lvl5pPr>
          </a:lstStyle>
          <a:p>
            <a:pPr lvl="0"/>
            <a:r>
              <a:rPr lang="da-DK" dirty="0"/>
              <a:t>Klik og indsæt tekst, tabel eller graf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Pladsholder til indhold 4">
            <a:extLst>
              <a:ext uri="{FF2B5EF4-FFF2-40B4-BE49-F238E27FC236}">
                <a16:creationId xmlns:a16="http://schemas.microsoft.com/office/drawing/2014/main" id="{AAF559E3-799C-407C-A4EC-819545DD0BDA}"/>
              </a:ext>
            </a:extLst>
          </p:cNvPr>
          <p:cNvSpPr>
            <a:spLocks noGrp="1"/>
          </p:cNvSpPr>
          <p:nvPr>
            <p:ph sz="quarter" idx="15" hasCustomPrompt="1"/>
          </p:nvPr>
        </p:nvSpPr>
        <p:spPr>
          <a:xfrm>
            <a:off x="10962219" y="885452"/>
            <a:ext cx="683822" cy="684000"/>
          </a:xfrm>
        </p:spPr>
        <p:txBody>
          <a:bodyPr/>
          <a:lstStyle>
            <a:lvl1pPr marL="0" indent="0">
              <a:buNone/>
              <a:defRPr sz="1600"/>
            </a:lvl1pPr>
          </a:lstStyle>
          <a:p>
            <a:pPr lvl="0"/>
            <a:r>
              <a:rPr lang="da-DK" dirty="0"/>
              <a:t>Indsæt ikon</a:t>
            </a:r>
          </a:p>
        </p:txBody>
      </p:sp>
      <p:sp>
        <p:nvSpPr>
          <p:cNvPr id="11" name="Date Placeholder 10">
            <a:extLst>
              <a:ext uri="{FF2B5EF4-FFF2-40B4-BE49-F238E27FC236}">
                <a16:creationId xmlns:a16="http://schemas.microsoft.com/office/drawing/2014/main" id="{6DD3A0E7-9582-47E7-8E11-FB49AD1C55D2}"/>
              </a:ext>
            </a:extLst>
          </p:cNvPr>
          <p:cNvSpPr>
            <a:spLocks noGrp="1"/>
          </p:cNvSpPr>
          <p:nvPr>
            <p:ph type="dt" sz="half" idx="17"/>
          </p:nvPr>
        </p:nvSpPr>
        <p:spPr/>
        <p:txBody>
          <a:bodyPr/>
          <a:lstStyle/>
          <a:p>
            <a:fld id="{B7A5D296-36F8-40D8-9C3F-CEAF374502EA}" type="datetime5">
              <a:rPr lang="da-DK" smtClean="0"/>
              <a:pPr/>
              <a:t>marts 2022</a:t>
            </a:fld>
            <a:endParaRPr lang="da-DK" dirty="0"/>
          </a:p>
        </p:txBody>
      </p:sp>
      <p:sp>
        <p:nvSpPr>
          <p:cNvPr id="13" name="Footer Placeholder 12">
            <a:extLst>
              <a:ext uri="{FF2B5EF4-FFF2-40B4-BE49-F238E27FC236}">
                <a16:creationId xmlns:a16="http://schemas.microsoft.com/office/drawing/2014/main" id="{9A9BBF5F-C6A6-45AE-844A-95264CC0405F}"/>
              </a:ext>
            </a:extLst>
          </p:cNvPr>
          <p:cNvSpPr>
            <a:spLocks noGrp="1"/>
          </p:cNvSpPr>
          <p:nvPr>
            <p:ph type="ftr" sz="quarter" idx="18"/>
          </p:nvPr>
        </p:nvSpPr>
        <p:spPr/>
        <p:txBody>
          <a:bodyPr/>
          <a:lstStyle/>
          <a:p>
            <a:endParaRPr lang="en-GB" dirty="0"/>
          </a:p>
        </p:txBody>
      </p:sp>
      <p:sp>
        <p:nvSpPr>
          <p:cNvPr id="14" name="Slide Number Placeholder 13">
            <a:extLst>
              <a:ext uri="{FF2B5EF4-FFF2-40B4-BE49-F238E27FC236}">
                <a16:creationId xmlns:a16="http://schemas.microsoft.com/office/drawing/2014/main" id="{C3F76B02-2D13-47DE-A125-FE45FE72EFD8}"/>
              </a:ext>
            </a:extLst>
          </p:cNvPr>
          <p:cNvSpPr>
            <a:spLocks noGrp="1"/>
          </p:cNvSpPr>
          <p:nvPr>
            <p:ph type="sldNum" sz="quarter" idx="19"/>
          </p:nvPr>
        </p:nvSpPr>
        <p:spPr/>
        <p:txBody>
          <a:bodyPr/>
          <a:lstStyle/>
          <a:p>
            <a:fld id="{C9DB9951-75AE-463A-BCCB-9D70794D242F}" type="slidenum">
              <a:rPr lang="da-DK" smtClean="0"/>
              <a:pPr/>
              <a:t>‹nr.›</a:t>
            </a:fld>
            <a:endParaRPr lang="da-DK" dirty="0"/>
          </a:p>
        </p:txBody>
      </p:sp>
    </p:spTree>
    <p:extLst>
      <p:ext uri="{BB962C8B-B14F-4D97-AF65-F5344CB8AC3E}">
        <p14:creationId xmlns:p14="http://schemas.microsoft.com/office/powerpoint/2010/main" val="251503294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Breaker-slide, rød m. billede">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7A174AC2-DCA5-416D-A03C-EF55FF84DFBA}"/>
              </a:ext>
            </a:extLst>
          </p:cNvPr>
          <p:cNvPicPr>
            <a:picLocks/>
          </p:cNvPicPr>
          <p:nvPr userDrawn="1"/>
        </p:nvPicPr>
        <p:blipFill rotWithShape="1">
          <a:blip r:embed="rId2"/>
          <a:srcRect t="28" b="28"/>
          <a:stretch/>
        </p:blipFill>
        <p:spPr>
          <a:xfrm>
            <a:off x="0" y="1"/>
            <a:ext cx="12188825" cy="6858000"/>
          </a:xfrm>
          <a:custGeom>
            <a:avLst/>
            <a:gdLst>
              <a:gd name="connsiteX0" fmla="*/ 0 w 12188825"/>
              <a:gd name="connsiteY0" fmla="*/ 0 h 6858000"/>
              <a:gd name="connsiteX1" fmla="*/ 12188825 w 12188825"/>
              <a:gd name="connsiteY1" fmla="*/ 0 h 6858000"/>
              <a:gd name="connsiteX2" fmla="*/ 12188825 w 12188825"/>
              <a:gd name="connsiteY2" fmla="*/ 5807978 h 6858000"/>
              <a:gd name="connsiteX3" fmla="*/ 9560607 w 12188825"/>
              <a:gd name="connsiteY3" fmla="*/ 5616239 h 6858000"/>
              <a:gd name="connsiteX4" fmla="*/ 1001 w 12188825"/>
              <a:gd name="connsiteY4" fmla="*/ 6162918 h 6858000"/>
              <a:gd name="connsiteX5" fmla="*/ 116 w 12188825"/>
              <a:gd name="connsiteY5" fmla="*/ 6854516 h 6858000"/>
              <a:gd name="connsiteX6" fmla="*/ 12188825 w 12188825"/>
              <a:gd name="connsiteY6" fmla="*/ 6857998 h 6858000"/>
              <a:gd name="connsiteX7" fmla="*/ 12188825 w 12188825"/>
              <a:gd name="connsiteY7" fmla="*/ 6858000 h 6858000"/>
              <a:gd name="connsiteX8" fmla="*/ 0 w 12188825"/>
              <a:gd name="connsiteY8"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88825" h="6858000">
                <a:moveTo>
                  <a:pt x="0" y="0"/>
                </a:moveTo>
                <a:lnTo>
                  <a:pt x="12188825" y="0"/>
                </a:lnTo>
                <a:lnTo>
                  <a:pt x="12188825" y="5807978"/>
                </a:lnTo>
                <a:lnTo>
                  <a:pt x="9560607" y="5616239"/>
                </a:lnTo>
                <a:lnTo>
                  <a:pt x="1001" y="6162918"/>
                </a:lnTo>
                <a:cubicBezTo>
                  <a:pt x="3996" y="6476240"/>
                  <a:pt x="-793" y="6510872"/>
                  <a:pt x="116" y="6854516"/>
                </a:cubicBezTo>
                <a:lnTo>
                  <a:pt x="12188825" y="6857998"/>
                </a:lnTo>
                <a:lnTo>
                  <a:pt x="12188825" y="6858000"/>
                </a:lnTo>
                <a:lnTo>
                  <a:pt x="0" y="6858000"/>
                </a:lnTo>
                <a:close/>
              </a:path>
            </a:pathLst>
          </a:custGeom>
        </p:spPr>
      </p:pic>
      <p:sp>
        <p:nvSpPr>
          <p:cNvPr id="8" name="Text Placeholder Logo">
            <a:extLst>
              <a:ext uri="{FF2B5EF4-FFF2-40B4-BE49-F238E27FC236}">
                <a16:creationId xmlns:a16="http://schemas.microsoft.com/office/drawing/2014/main" id="{5FEAFEF0-CE72-483B-A113-B929C1814F53}"/>
              </a:ext>
            </a:extLst>
          </p:cNvPr>
          <p:cNvSpPr>
            <a:spLocks noGrp="1"/>
          </p:cNvSpPr>
          <p:nvPr>
            <p:ph type="body" sz="quarter" idx="14" hasCustomPrompt="1"/>
          </p:nvPr>
        </p:nvSpPr>
        <p:spPr>
          <a:xfrm>
            <a:off x="30471" y="68578"/>
            <a:ext cx="1813011" cy="1032482"/>
          </a:xfrm>
          <a:blipFill>
            <a:blip r:embed="rId3"/>
            <a:stretch>
              <a:fillRect/>
            </a:stretch>
          </a:blipFill>
        </p:spPr>
        <p:txBody>
          <a:bodyPr>
            <a:normAutofit/>
          </a:bodyPr>
          <a:lstStyle>
            <a:lvl1pPr marL="0" indent="0">
              <a:buNone/>
              <a:defRPr sz="106"/>
            </a:lvl1pPr>
          </a:lstStyle>
          <a:p>
            <a:pPr lvl="0"/>
            <a:r>
              <a:rPr lang="da-DK" dirty="0"/>
              <a:t>.</a:t>
            </a:r>
          </a:p>
        </p:txBody>
      </p:sp>
      <p:sp>
        <p:nvSpPr>
          <p:cNvPr id="13" name="Title 12">
            <a:extLst>
              <a:ext uri="{FF2B5EF4-FFF2-40B4-BE49-F238E27FC236}">
                <a16:creationId xmlns:a16="http://schemas.microsoft.com/office/drawing/2014/main" id="{6AC5B3F5-1FFE-4E8C-BB94-C111DAF99351}"/>
              </a:ext>
            </a:extLst>
          </p:cNvPr>
          <p:cNvSpPr>
            <a:spLocks noGrp="1"/>
          </p:cNvSpPr>
          <p:nvPr>
            <p:ph type="ctrTitle" hasCustomPrompt="1"/>
          </p:nvPr>
        </p:nvSpPr>
        <p:spPr>
          <a:xfrm>
            <a:off x="1" y="2284327"/>
            <a:ext cx="9558375" cy="3875144"/>
          </a:xfrm>
          <a:custGeom>
            <a:avLst/>
            <a:gdLst>
              <a:gd name="connsiteX0" fmla="*/ 0 w 9034271"/>
              <a:gd name="connsiteY0" fmla="*/ 0 h 3661652"/>
              <a:gd name="connsiteX1" fmla="*/ 9034271 w 9034271"/>
              <a:gd name="connsiteY1" fmla="*/ 0 h 3661652"/>
              <a:gd name="connsiteX2" fmla="*/ 9034271 w 9034271"/>
              <a:gd name="connsiteY2" fmla="*/ 3147987 h 3661652"/>
              <a:gd name="connsiteX3" fmla="*/ 49484 w 9034271"/>
              <a:gd name="connsiteY3" fmla="*/ 3661652 h 3661652"/>
              <a:gd name="connsiteX4" fmla="*/ 0 w 9034271"/>
              <a:gd name="connsiteY4" fmla="*/ 3661652 h 366165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034271" h="3661652">
                <a:moveTo>
                  <a:pt x="0" y="0"/>
                </a:moveTo>
                <a:lnTo>
                  <a:pt x="9034271" y="0"/>
                </a:lnTo>
                <a:lnTo>
                  <a:pt x="9034271" y="3147987"/>
                </a:lnTo>
                <a:lnTo>
                  <a:pt x="49484" y="3661652"/>
                </a:lnTo>
                <a:lnTo>
                  <a:pt x="0" y="3661652"/>
                </a:lnTo>
                <a:close/>
              </a:path>
            </a:pathLst>
          </a:custGeom>
          <a:solidFill>
            <a:srgbClr val="F21935">
              <a:alpha val="60000"/>
            </a:srgbClr>
          </a:solidFill>
        </p:spPr>
        <p:txBody>
          <a:bodyPr wrap="square" lIns="529200" tIns="720000" rIns="180000" anchor="t">
            <a:noAutofit/>
          </a:bodyPr>
          <a:lstStyle>
            <a:lvl1pPr algn="l">
              <a:defRPr lang="da-DK" sz="4867" spc="0" baseline="0" smtClean="0">
                <a:solidFill>
                  <a:schemeClr val="bg1"/>
                </a:solidFill>
                <a:effectLst/>
                <a:latin typeface="+mj-lt"/>
                <a:ea typeface="Open Sans" panose="020B0606030504020204" pitchFamily="34" charset="0"/>
                <a:cs typeface="Open Sans" panose="020B0606030504020204" pitchFamily="34" charset="0"/>
              </a:defRPr>
            </a:lvl1pPr>
          </a:lstStyle>
          <a:p>
            <a:r>
              <a:rPr lang="da-DK" dirty="0"/>
              <a:t>Klik for at tilføje titel</a:t>
            </a:r>
          </a:p>
        </p:txBody>
      </p:sp>
    </p:spTree>
    <p:extLst>
      <p:ext uri="{BB962C8B-B14F-4D97-AF65-F5344CB8AC3E}">
        <p14:creationId xmlns:p14="http://schemas.microsoft.com/office/powerpoint/2010/main" val="346116414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Breaker-slide, blå m. billede">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47AF47C7-5989-48A8-B9DF-CD697697199D}"/>
              </a:ext>
            </a:extLst>
          </p:cNvPr>
          <p:cNvPicPr>
            <a:picLocks/>
          </p:cNvPicPr>
          <p:nvPr userDrawn="1"/>
        </p:nvPicPr>
        <p:blipFill rotWithShape="1">
          <a:blip r:embed="rId2"/>
          <a:srcRect t="28" b="28"/>
          <a:stretch/>
        </p:blipFill>
        <p:spPr>
          <a:xfrm>
            <a:off x="0" y="1"/>
            <a:ext cx="12188825" cy="6858000"/>
          </a:xfrm>
          <a:custGeom>
            <a:avLst/>
            <a:gdLst>
              <a:gd name="connsiteX0" fmla="*/ 0 w 12188825"/>
              <a:gd name="connsiteY0" fmla="*/ 0 h 6858000"/>
              <a:gd name="connsiteX1" fmla="*/ 12188825 w 12188825"/>
              <a:gd name="connsiteY1" fmla="*/ 0 h 6858000"/>
              <a:gd name="connsiteX2" fmla="*/ 12188825 w 12188825"/>
              <a:gd name="connsiteY2" fmla="*/ 5807978 h 6858000"/>
              <a:gd name="connsiteX3" fmla="*/ 9560607 w 12188825"/>
              <a:gd name="connsiteY3" fmla="*/ 5616239 h 6858000"/>
              <a:gd name="connsiteX4" fmla="*/ 1001 w 12188825"/>
              <a:gd name="connsiteY4" fmla="*/ 6162918 h 6858000"/>
              <a:gd name="connsiteX5" fmla="*/ 116 w 12188825"/>
              <a:gd name="connsiteY5" fmla="*/ 6854516 h 6858000"/>
              <a:gd name="connsiteX6" fmla="*/ 12188825 w 12188825"/>
              <a:gd name="connsiteY6" fmla="*/ 6857998 h 6858000"/>
              <a:gd name="connsiteX7" fmla="*/ 12188825 w 12188825"/>
              <a:gd name="connsiteY7" fmla="*/ 6858000 h 6858000"/>
              <a:gd name="connsiteX8" fmla="*/ 0 w 12188825"/>
              <a:gd name="connsiteY8"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88825" h="6858000">
                <a:moveTo>
                  <a:pt x="0" y="0"/>
                </a:moveTo>
                <a:lnTo>
                  <a:pt x="12188825" y="0"/>
                </a:lnTo>
                <a:lnTo>
                  <a:pt x="12188825" y="5807978"/>
                </a:lnTo>
                <a:lnTo>
                  <a:pt x="9560607" y="5616239"/>
                </a:lnTo>
                <a:lnTo>
                  <a:pt x="1001" y="6162918"/>
                </a:lnTo>
                <a:cubicBezTo>
                  <a:pt x="3996" y="6476240"/>
                  <a:pt x="-793" y="6510872"/>
                  <a:pt x="116" y="6854516"/>
                </a:cubicBezTo>
                <a:lnTo>
                  <a:pt x="12188825" y="6857998"/>
                </a:lnTo>
                <a:lnTo>
                  <a:pt x="12188825" y="6858000"/>
                </a:lnTo>
                <a:lnTo>
                  <a:pt x="0" y="6858000"/>
                </a:lnTo>
                <a:close/>
              </a:path>
            </a:pathLst>
          </a:custGeom>
        </p:spPr>
      </p:pic>
      <p:sp>
        <p:nvSpPr>
          <p:cNvPr id="12" name="Text Placeholder Logo">
            <a:extLst>
              <a:ext uri="{FF2B5EF4-FFF2-40B4-BE49-F238E27FC236}">
                <a16:creationId xmlns:a16="http://schemas.microsoft.com/office/drawing/2014/main" id="{EBC94DF7-98E2-4D81-A456-C8E29FFA73B6}"/>
              </a:ext>
            </a:extLst>
          </p:cNvPr>
          <p:cNvSpPr>
            <a:spLocks noGrp="1"/>
          </p:cNvSpPr>
          <p:nvPr>
            <p:ph type="body" sz="quarter" idx="14" hasCustomPrompt="1"/>
          </p:nvPr>
        </p:nvSpPr>
        <p:spPr>
          <a:xfrm>
            <a:off x="30471" y="68578"/>
            <a:ext cx="1813011" cy="1032482"/>
          </a:xfrm>
          <a:blipFill>
            <a:blip r:embed="rId3"/>
            <a:stretch>
              <a:fillRect/>
            </a:stretch>
          </a:blipFill>
        </p:spPr>
        <p:txBody>
          <a:bodyPr>
            <a:normAutofit/>
          </a:bodyPr>
          <a:lstStyle>
            <a:lvl1pPr marL="0" indent="0">
              <a:buNone/>
              <a:defRPr sz="106"/>
            </a:lvl1pPr>
          </a:lstStyle>
          <a:p>
            <a:pPr lvl="0"/>
            <a:r>
              <a:rPr lang="da-DK" dirty="0"/>
              <a:t>.</a:t>
            </a:r>
          </a:p>
        </p:txBody>
      </p:sp>
      <p:sp>
        <p:nvSpPr>
          <p:cNvPr id="11" name="Freeform 10">
            <a:extLst>
              <a:ext uri="{FF2B5EF4-FFF2-40B4-BE49-F238E27FC236}">
                <a16:creationId xmlns:a16="http://schemas.microsoft.com/office/drawing/2014/main" id="{B5C06F61-A2DD-0148-87A7-05632BF354E4}"/>
              </a:ext>
            </a:extLst>
          </p:cNvPr>
          <p:cNvSpPr/>
          <p:nvPr userDrawn="1"/>
        </p:nvSpPr>
        <p:spPr>
          <a:xfrm>
            <a:off x="-1000" y="5615786"/>
            <a:ext cx="12195970" cy="1241760"/>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496"/>
              <a:gd name="connsiteY0" fmla="*/ 542140 h 6495385"/>
              <a:gd name="connsiteX1" fmla="*/ 9114809 w 11524496"/>
              <a:gd name="connsiteY1" fmla="*/ 0 h 6495385"/>
              <a:gd name="connsiteX2" fmla="*/ 11520937 w 11524496"/>
              <a:gd name="connsiteY2" fmla="*/ 208706 h 6495385"/>
              <a:gd name="connsiteX3" fmla="*/ 11524112 w 11524496"/>
              <a:gd name="connsiteY3" fmla="*/ 3188572 h 6495385"/>
              <a:gd name="connsiteX4" fmla="*/ 331 w 11524496"/>
              <a:gd name="connsiteY4" fmla="*/ 6495386 h 6495385"/>
              <a:gd name="connsiteX5" fmla="*/ 0 w 11524496"/>
              <a:gd name="connsiteY5" fmla="*/ 542140 h 6495385"/>
              <a:gd name="connsiteX0" fmla="*/ 0 w 11524112"/>
              <a:gd name="connsiteY0" fmla="*/ 542140 h 6495386"/>
              <a:gd name="connsiteX1" fmla="*/ 9114809 w 11524112"/>
              <a:gd name="connsiteY1" fmla="*/ 0 h 6495386"/>
              <a:gd name="connsiteX2" fmla="*/ 11520937 w 11524112"/>
              <a:gd name="connsiteY2" fmla="*/ 208706 h 6495386"/>
              <a:gd name="connsiteX3" fmla="*/ 11524112 w 11524112"/>
              <a:gd name="connsiteY3" fmla="*/ 3188572 h 6495386"/>
              <a:gd name="connsiteX4" fmla="*/ 331 w 11524112"/>
              <a:gd name="connsiteY4" fmla="*/ 6495386 h 6495386"/>
              <a:gd name="connsiteX5" fmla="*/ 0 w 11524112"/>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14384 w 11520937"/>
              <a:gd name="connsiteY3" fmla="*/ 2233650 h 6495386"/>
              <a:gd name="connsiteX4" fmla="*/ 331 w 11520937"/>
              <a:gd name="connsiteY4" fmla="*/ 6495386 h 6495386"/>
              <a:gd name="connsiteX5" fmla="*/ 0 w 11520937"/>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14384 w 11520937"/>
              <a:gd name="connsiteY3" fmla="*/ 2233650 h 6495386"/>
              <a:gd name="connsiteX4" fmla="*/ 331 w 11520937"/>
              <a:gd name="connsiteY4" fmla="*/ 6495386 h 6495386"/>
              <a:gd name="connsiteX5" fmla="*/ 0 w 11520937"/>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50960 w 11520937"/>
              <a:gd name="connsiteY3" fmla="*/ 1359997 h 6495386"/>
              <a:gd name="connsiteX4" fmla="*/ 331 w 11520937"/>
              <a:gd name="connsiteY4" fmla="*/ 6495386 h 6495386"/>
              <a:gd name="connsiteX5" fmla="*/ 0 w 11520937"/>
              <a:gd name="connsiteY5" fmla="*/ 542140 h 6495386"/>
              <a:gd name="connsiteX0" fmla="*/ 0 w 11520937"/>
              <a:gd name="connsiteY0" fmla="*/ 542140 h 1842676"/>
              <a:gd name="connsiteX1" fmla="*/ 9114809 w 11520937"/>
              <a:gd name="connsiteY1" fmla="*/ 0 h 1842676"/>
              <a:gd name="connsiteX2" fmla="*/ 11520937 w 11520937"/>
              <a:gd name="connsiteY2" fmla="*/ 208706 h 1842676"/>
              <a:gd name="connsiteX3" fmla="*/ 11450960 w 11520937"/>
              <a:gd name="connsiteY3" fmla="*/ 1359997 h 1842676"/>
              <a:gd name="connsiteX4" fmla="*/ 402667 w 11520937"/>
              <a:gd name="connsiteY4" fmla="*/ 1842676 h 1842676"/>
              <a:gd name="connsiteX5" fmla="*/ 0 w 11520937"/>
              <a:gd name="connsiteY5" fmla="*/ 542140 h 1842676"/>
              <a:gd name="connsiteX0" fmla="*/ 0 w 11520937"/>
              <a:gd name="connsiteY0" fmla="*/ 542140 h 1873037"/>
              <a:gd name="connsiteX1" fmla="*/ 9114809 w 11520937"/>
              <a:gd name="connsiteY1" fmla="*/ 0 h 1873037"/>
              <a:gd name="connsiteX2" fmla="*/ 11520937 w 11520937"/>
              <a:gd name="connsiteY2" fmla="*/ 208706 h 1873037"/>
              <a:gd name="connsiteX3" fmla="*/ 11450960 w 11520937"/>
              <a:gd name="connsiteY3" fmla="*/ 1359997 h 1873037"/>
              <a:gd name="connsiteX4" fmla="*/ 402667 w 11520937"/>
              <a:gd name="connsiteY4" fmla="*/ 1842676 h 1873037"/>
              <a:gd name="connsiteX5" fmla="*/ 0 w 11520937"/>
              <a:gd name="connsiteY5" fmla="*/ 542140 h 1873037"/>
              <a:gd name="connsiteX0" fmla="*/ 7907 w 11528844"/>
              <a:gd name="connsiteY0" fmla="*/ 542140 h 1536909"/>
              <a:gd name="connsiteX1" fmla="*/ 9122716 w 11528844"/>
              <a:gd name="connsiteY1" fmla="*/ 0 h 1536909"/>
              <a:gd name="connsiteX2" fmla="*/ 11528844 w 11528844"/>
              <a:gd name="connsiteY2" fmla="*/ 208706 h 1536909"/>
              <a:gd name="connsiteX3" fmla="*/ 11458867 w 11528844"/>
              <a:gd name="connsiteY3" fmla="*/ 1359997 h 1536909"/>
              <a:gd name="connsiteX4" fmla="*/ 8238 w 11528844"/>
              <a:gd name="connsiteY4" fmla="*/ 1090928 h 1536909"/>
              <a:gd name="connsiteX5" fmla="*/ 7907 w 11528844"/>
              <a:gd name="connsiteY5" fmla="*/ 542140 h 1536909"/>
              <a:gd name="connsiteX0" fmla="*/ 0 w 11520937"/>
              <a:gd name="connsiteY0" fmla="*/ 542140 h 1516989"/>
              <a:gd name="connsiteX1" fmla="*/ 9114809 w 11520937"/>
              <a:gd name="connsiteY1" fmla="*/ 0 h 1516989"/>
              <a:gd name="connsiteX2" fmla="*/ 11520937 w 11520937"/>
              <a:gd name="connsiteY2" fmla="*/ 208706 h 1516989"/>
              <a:gd name="connsiteX3" fmla="*/ 11450960 w 11520937"/>
              <a:gd name="connsiteY3" fmla="*/ 1359997 h 1516989"/>
              <a:gd name="connsiteX4" fmla="*/ 329515 w 11520937"/>
              <a:gd name="connsiteY4" fmla="*/ 1029976 h 1516989"/>
              <a:gd name="connsiteX5" fmla="*/ 0 w 11520937"/>
              <a:gd name="connsiteY5" fmla="*/ 542140 h 1516989"/>
              <a:gd name="connsiteX0" fmla="*/ 0 w 11520937"/>
              <a:gd name="connsiteY0" fmla="*/ 542140 h 1562013"/>
              <a:gd name="connsiteX1" fmla="*/ 9114809 w 11520937"/>
              <a:gd name="connsiteY1" fmla="*/ 0 h 1562013"/>
              <a:gd name="connsiteX2" fmla="*/ 11520937 w 11520937"/>
              <a:gd name="connsiteY2" fmla="*/ 208706 h 1562013"/>
              <a:gd name="connsiteX3" fmla="*/ 11450960 w 11520937"/>
              <a:gd name="connsiteY3" fmla="*/ 1359997 h 1562013"/>
              <a:gd name="connsiteX4" fmla="*/ 179534 w 11520937"/>
              <a:gd name="connsiteY4" fmla="*/ 1164351 h 1562013"/>
              <a:gd name="connsiteX5" fmla="*/ 0 w 11520937"/>
              <a:gd name="connsiteY5" fmla="*/ 542140 h 1562013"/>
              <a:gd name="connsiteX0" fmla="*/ 0 w 11520937"/>
              <a:gd name="connsiteY0" fmla="*/ 542140 h 1520033"/>
              <a:gd name="connsiteX1" fmla="*/ 9114809 w 11520937"/>
              <a:gd name="connsiteY1" fmla="*/ 0 h 1520033"/>
              <a:gd name="connsiteX2" fmla="*/ 11520937 w 11520937"/>
              <a:gd name="connsiteY2" fmla="*/ 208706 h 1520033"/>
              <a:gd name="connsiteX3" fmla="*/ 11450960 w 11520937"/>
              <a:gd name="connsiteY3" fmla="*/ 1359997 h 1520033"/>
              <a:gd name="connsiteX4" fmla="*/ 179534 w 11520937"/>
              <a:gd name="connsiteY4" fmla="*/ 1164351 h 1520033"/>
              <a:gd name="connsiteX5" fmla="*/ 0 w 11520937"/>
              <a:gd name="connsiteY5" fmla="*/ 542140 h 1520033"/>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79534 w 11520937"/>
              <a:gd name="connsiteY4" fmla="*/ 1164351 h 1363604"/>
              <a:gd name="connsiteX5" fmla="*/ 0 w 11520937"/>
              <a:gd name="connsiteY5" fmla="*/ 542140 h 1363604"/>
              <a:gd name="connsiteX0" fmla="*/ 1532 w 11522469"/>
              <a:gd name="connsiteY0" fmla="*/ 542140 h 1363604"/>
              <a:gd name="connsiteX1" fmla="*/ 9116341 w 11522469"/>
              <a:gd name="connsiteY1" fmla="*/ 0 h 1363604"/>
              <a:gd name="connsiteX2" fmla="*/ 11522469 w 11522469"/>
              <a:gd name="connsiteY2" fmla="*/ 208706 h 1363604"/>
              <a:gd name="connsiteX3" fmla="*/ 11452492 w 11522469"/>
              <a:gd name="connsiteY3" fmla="*/ 1359997 h 1363604"/>
              <a:gd name="connsiteX4" fmla="*/ 16571 w 11522469"/>
              <a:gd name="connsiteY4" fmla="*/ 1261101 h 1363604"/>
              <a:gd name="connsiteX5" fmla="*/ 1532 w 11522469"/>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5039 w 11520937"/>
              <a:gd name="connsiteY4" fmla="*/ 1261101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5039 w 11520937"/>
              <a:gd name="connsiteY4" fmla="*/ 1261101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8689 w 11520937"/>
              <a:gd name="connsiteY4" fmla="*/ 1271683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8689 w 11520937"/>
              <a:gd name="connsiteY4" fmla="*/ 1271683 h 1363604"/>
              <a:gd name="connsiteX5" fmla="*/ 0 w 11520937"/>
              <a:gd name="connsiteY5" fmla="*/ 542140 h 1363604"/>
              <a:gd name="connsiteX0" fmla="*/ 946 w 11521883"/>
              <a:gd name="connsiteY0" fmla="*/ 542140 h 1363604"/>
              <a:gd name="connsiteX1" fmla="*/ 9115755 w 11521883"/>
              <a:gd name="connsiteY1" fmla="*/ 0 h 1363604"/>
              <a:gd name="connsiteX2" fmla="*/ 11521883 w 11521883"/>
              <a:gd name="connsiteY2" fmla="*/ 208706 h 1363604"/>
              <a:gd name="connsiteX3" fmla="*/ 11451906 w 11521883"/>
              <a:gd name="connsiteY3" fmla="*/ 1359997 h 1363604"/>
              <a:gd name="connsiteX4" fmla="*/ 110 w 11521883"/>
              <a:gd name="connsiteY4" fmla="*/ 1268156 h 1363604"/>
              <a:gd name="connsiteX5" fmla="*/ 946 w 11521883"/>
              <a:gd name="connsiteY5" fmla="*/ 542140 h 1363604"/>
              <a:gd name="connsiteX0" fmla="*/ 946 w 11525058"/>
              <a:gd name="connsiteY0" fmla="*/ 542140 h 1359997"/>
              <a:gd name="connsiteX1" fmla="*/ 9115755 w 11525058"/>
              <a:gd name="connsiteY1" fmla="*/ 0 h 1359997"/>
              <a:gd name="connsiteX2" fmla="*/ 11525058 w 11525058"/>
              <a:gd name="connsiteY2" fmla="*/ 169906 h 1359997"/>
              <a:gd name="connsiteX3" fmla="*/ 11451906 w 11525058"/>
              <a:gd name="connsiteY3" fmla="*/ 1359997 h 1359997"/>
              <a:gd name="connsiteX4" fmla="*/ 110 w 11525058"/>
              <a:gd name="connsiteY4" fmla="*/ 1268156 h 1359997"/>
              <a:gd name="connsiteX5" fmla="*/ 946 w 11525058"/>
              <a:gd name="connsiteY5" fmla="*/ 542140 h 1359997"/>
              <a:gd name="connsiteX0" fmla="*/ 946 w 11525073"/>
              <a:gd name="connsiteY0" fmla="*/ 542140 h 1359997"/>
              <a:gd name="connsiteX1" fmla="*/ 9115755 w 11525073"/>
              <a:gd name="connsiteY1" fmla="*/ 0 h 1359997"/>
              <a:gd name="connsiteX2" fmla="*/ 11525058 w 11525073"/>
              <a:gd name="connsiteY2" fmla="*/ 169906 h 1359997"/>
              <a:gd name="connsiteX3" fmla="*/ 11451906 w 11525073"/>
              <a:gd name="connsiteY3" fmla="*/ 1359997 h 1359997"/>
              <a:gd name="connsiteX4" fmla="*/ 110 w 11525073"/>
              <a:gd name="connsiteY4" fmla="*/ 1268156 h 1359997"/>
              <a:gd name="connsiteX5" fmla="*/ 946 w 11525073"/>
              <a:gd name="connsiteY5" fmla="*/ 542140 h 1359997"/>
              <a:gd name="connsiteX0" fmla="*/ 946 w 11526882"/>
              <a:gd name="connsiteY0" fmla="*/ 542140 h 1268286"/>
              <a:gd name="connsiteX1" fmla="*/ 9115755 w 11526882"/>
              <a:gd name="connsiteY1" fmla="*/ 0 h 1268286"/>
              <a:gd name="connsiteX2" fmla="*/ 11525058 w 11526882"/>
              <a:gd name="connsiteY2" fmla="*/ 169906 h 1268286"/>
              <a:gd name="connsiteX3" fmla="*/ 11512231 w 11526882"/>
              <a:gd name="connsiteY3" fmla="*/ 1268286 h 1268286"/>
              <a:gd name="connsiteX4" fmla="*/ 110 w 11526882"/>
              <a:gd name="connsiteY4" fmla="*/ 1268156 h 1268286"/>
              <a:gd name="connsiteX5" fmla="*/ 946 w 11526882"/>
              <a:gd name="connsiteY5" fmla="*/ 542140 h 1268286"/>
              <a:gd name="connsiteX0" fmla="*/ 946 w 11525140"/>
              <a:gd name="connsiteY0" fmla="*/ 542140 h 1268286"/>
              <a:gd name="connsiteX1" fmla="*/ 9115755 w 11525140"/>
              <a:gd name="connsiteY1" fmla="*/ 0 h 1268286"/>
              <a:gd name="connsiteX2" fmla="*/ 11525058 w 11525140"/>
              <a:gd name="connsiteY2" fmla="*/ 169906 h 1268286"/>
              <a:gd name="connsiteX3" fmla="*/ 11512231 w 11525140"/>
              <a:gd name="connsiteY3" fmla="*/ 1268286 h 1268286"/>
              <a:gd name="connsiteX4" fmla="*/ 110 w 11525140"/>
              <a:gd name="connsiteY4" fmla="*/ 1268156 h 1268286"/>
              <a:gd name="connsiteX5" fmla="*/ 946 w 11525140"/>
              <a:gd name="connsiteY5" fmla="*/ 542140 h 1268286"/>
              <a:gd name="connsiteX0" fmla="*/ 946 w 11525270"/>
              <a:gd name="connsiteY0" fmla="*/ 542140 h 1271813"/>
              <a:gd name="connsiteX1" fmla="*/ 9115755 w 11525270"/>
              <a:gd name="connsiteY1" fmla="*/ 0 h 1271813"/>
              <a:gd name="connsiteX2" fmla="*/ 11525058 w 11525270"/>
              <a:gd name="connsiteY2" fmla="*/ 169906 h 1271813"/>
              <a:gd name="connsiteX3" fmla="*/ 11518581 w 11525270"/>
              <a:gd name="connsiteY3" fmla="*/ 1271813 h 1271813"/>
              <a:gd name="connsiteX4" fmla="*/ 110 w 11525270"/>
              <a:gd name="connsiteY4" fmla="*/ 1268156 h 1271813"/>
              <a:gd name="connsiteX5" fmla="*/ 946 w 11525270"/>
              <a:gd name="connsiteY5" fmla="*/ 542140 h 1271813"/>
              <a:gd name="connsiteX0" fmla="*/ 946 w 11527241"/>
              <a:gd name="connsiteY0" fmla="*/ 542140 h 1271813"/>
              <a:gd name="connsiteX1" fmla="*/ 9115755 w 11527241"/>
              <a:gd name="connsiteY1" fmla="*/ 0 h 1271813"/>
              <a:gd name="connsiteX2" fmla="*/ 11525058 w 11527241"/>
              <a:gd name="connsiteY2" fmla="*/ 169906 h 1271813"/>
              <a:gd name="connsiteX3" fmla="*/ 11524931 w 11527241"/>
              <a:gd name="connsiteY3" fmla="*/ 1271813 h 1271813"/>
              <a:gd name="connsiteX4" fmla="*/ 110 w 11527241"/>
              <a:gd name="connsiteY4" fmla="*/ 1268156 h 1271813"/>
              <a:gd name="connsiteX5" fmla="*/ 946 w 11527241"/>
              <a:gd name="connsiteY5" fmla="*/ 542140 h 1271813"/>
              <a:gd name="connsiteX0" fmla="*/ 946 w 11527241"/>
              <a:gd name="connsiteY0" fmla="*/ 573886 h 1303559"/>
              <a:gd name="connsiteX1" fmla="*/ 9030030 w 11527241"/>
              <a:gd name="connsiteY1" fmla="*/ 0 h 1303559"/>
              <a:gd name="connsiteX2" fmla="*/ 11525058 w 11527241"/>
              <a:gd name="connsiteY2" fmla="*/ 201652 h 1303559"/>
              <a:gd name="connsiteX3" fmla="*/ 11524931 w 11527241"/>
              <a:gd name="connsiteY3" fmla="*/ 1303559 h 1303559"/>
              <a:gd name="connsiteX4" fmla="*/ 110 w 11527241"/>
              <a:gd name="connsiteY4" fmla="*/ 1299902 h 1303559"/>
              <a:gd name="connsiteX5" fmla="*/ 946 w 11527241"/>
              <a:gd name="connsiteY5" fmla="*/ 573886 h 1303559"/>
              <a:gd name="connsiteX0" fmla="*/ 946 w 11527241"/>
              <a:gd name="connsiteY0" fmla="*/ 573886 h 1303559"/>
              <a:gd name="connsiteX1" fmla="*/ 9036380 w 11527241"/>
              <a:gd name="connsiteY1" fmla="*/ 0 h 1303559"/>
              <a:gd name="connsiteX2" fmla="*/ 11525058 w 11527241"/>
              <a:gd name="connsiteY2" fmla="*/ 201652 h 1303559"/>
              <a:gd name="connsiteX3" fmla="*/ 11524931 w 11527241"/>
              <a:gd name="connsiteY3" fmla="*/ 1303559 h 1303559"/>
              <a:gd name="connsiteX4" fmla="*/ 110 w 11527241"/>
              <a:gd name="connsiteY4" fmla="*/ 1299902 h 1303559"/>
              <a:gd name="connsiteX5" fmla="*/ 946 w 11527241"/>
              <a:gd name="connsiteY5" fmla="*/ 573886 h 13035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27241" h="1303559">
                <a:moveTo>
                  <a:pt x="946" y="573886"/>
                </a:moveTo>
                <a:lnTo>
                  <a:pt x="9036380" y="0"/>
                </a:lnTo>
                <a:lnTo>
                  <a:pt x="11525058" y="201652"/>
                </a:lnTo>
                <a:cubicBezTo>
                  <a:pt x="11526116" y="664524"/>
                  <a:pt x="11529461" y="717231"/>
                  <a:pt x="11524931" y="1303559"/>
                </a:cubicBezTo>
                <a:lnTo>
                  <a:pt x="110" y="1299902"/>
                </a:lnTo>
                <a:cubicBezTo>
                  <a:pt x="-750" y="939156"/>
                  <a:pt x="3777" y="902801"/>
                  <a:pt x="946" y="573886"/>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13" name="Title 12">
            <a:extLst>
              <a:ext uri="{FF2B5EF4-FFF2-40B4-BE49-F238E27FC236}">
                <a16:creationId xmlns:a16="http://schemas.microsoft.com/office/drawing/2014/main" id="{77630792-5CA9-452D-9261-9C926C255D31}"/>
              </a:ext>
            </a:extLst>
          </p:cNvPr>
          <p:cNvSpPr>
            <a:spLocks noGrp="1"/>
          </p:cNvSpPr>
          <p:nvPr>
            <p:ph type="ctrTitle" hasCustomPrompt="1"/>
          </p:nvPr>
        </p:nvSpPr>
        <p:spPr>
          <a:xfrm>
            <a:off x="1" y="2284327"/>
            <a:ext cx="9558375" cy="3875144"/>
          </a:xfrm>
          <a:custGeom>
            <a:avLst/>
            <a:gdLst>
              <a:gd name="connsiteX0" fmla="*/ 0 w 9034271"/>
              <a:gd name="connsiteY0" fmla="*/ 0 h 3661652"/>
              <a:gd name="connsiteX1" fmla="*/ 9034271 w 9034271"/>
              <a:gd name="connsiteY1" fmla="*/ 0 h 3661652"/>
              <a:gd name="connsiteX2" fmla="*/ 9034271 w 9034271"/>
              <a:gd name="connsiteY2" fmla="*/ 3147987 h 3661652"/>
              <a:gd name="connsiteX3" fmla="*/ 49484 w 9034271"/>
              <a:gd name="connsiteY3" fmla="*/ 3661652 h 3661652"/>
              <a:gd name="connsiteX4" fmla="*/ 0 w 9034271"/>
              <a:gd name="connsiteY4" fmla="*/ 3661652 h 366165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034271" h="3661652">
                <a:moveTo>
                  <a:pt x="0" y="0"/>
                </a:moveTo>
                <a:lnTo>
                  <a:pt x="9034271" y="0"/>
                </a:lnTo>
                <a:lnTo>
                  <a:pt x="9034271" y="3147987"/>
                </a:lnTo>
                <a:lnTo>
                  <a:pt x="49484" y="3661652"/>
                </a:lnTo>
                <a:lnTo>
                  <a:pt x="0" y="3661652"/>
                </a:lnTo>
                <a:close/>
              </a:path>
            </a:pathLst>
          </a:custGeom>
          <a:solidFill>
            <a:schemeClr val="accent1">
              <a:alpha val="60000"/>
            </a:schemeClr>
          </a:solidFill>
        </p:spPr>
        <p:txBody>
          <a:bodyPr wrap="square" lIns="529200" tIns="720000" rIns="180000" anchor="t">
            <a:noAutofit/>
          </a:bodyPr>
          <a:lstStyle>
            <a:lvl1pPr algn="l">
              <a:defRPr lang="da-DK" sz="4867" spc="0" baseline="0" smtClean="0">
                <a:solidFill>
                  <a:schemeClr val="bg1"/>
                </a:solidFill>
                <a:effectLst/>
                <a:latin typeface="+mj-lt"/>
                <a:ea typeface="Open Sans" panose="020B0606030504020204" pitchFamily="34" charset="0"/>
                <a:cs typeface="Open Sans" panose="020B0606030504020204" pitchFamily="34" charset="0"/>
              </a:defRPr>
            </a:lvl1pPr>
          </a:lstStyle>
          <a:p>
            <a:r>
              <a:rPr lang="da-DK" dirty="0"/>
              <a:t>Klik for at tilføje titel</a:t>
            </a:r>
          </a:p>
        </p:txBody>
      </p:sp>
    </p:spTree>
    <p:extLst>
      <p:ext uri="{BB962C8B-B14F-4D97-AF65-F5344CB8AC3E}">
        <p14:creationId xmlns:p14="http://schemas.microsoft.com/office/powerpoint/2010/main" val="383542273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reaker-slide, grå m. billede">
    <p:spTree>
      <p:nvGrpSpPr>
        <p:cNvPr id="1" name=""/>
        <p:cNvGrpSpPr/>
        <p:nvPr/>
      </p:nvGrpSpPr>
      <p:grpSpPr>
        <a:xfrm>
          <a:off x="0" y="0"/>
          <a:ext cx="0" cy="0"/>
          <a:chOff x="0" y="0"/>
          <a:chExt cx="0" cy="0"/>
        </a:xfrm>
      </p:grpSpPr>
      <p:pic>
        <p:nvPicPr>
          <p:cNvPr id="3" name="Picture 2">
            <a:extLst>
              <a:ext uri="{FF2B5EF4-FFF2-40B4-BE49-F238E27FC236}">
                <a16:creationId xmlns:a16="http://schemas.microsoft.com/office/drawing/2014/main" id="{F0D5E0D5-999F-4128-B83E-C33BB781799D}"/>
              </a:ext>
            </a:extLst>
          </p:cNvPr>
          <p:cNvPicPr>
            <a:picLocks/>
          </p:cNvPicPr>
          <p:nvPr userDrawn="1"/>
        </p:nvPicPr>
        <p:blipFill rotWithShape="1">
          <a:blip r:embed="rId2"/>
          <a:srcRect t="28" b="28"/>
          <a:stretch/>
        </p:blipFill>
        <p:spPr>
          <a:xfrm>
            <a:off x="0" y="1"/>
            <a:ext cx="12188825" cy="6858000"/>
          </a:xfrm>
          <a:custGeom>
            <a:avLst/>
            <a:gdLst>
              <a:gd name="connsiteX0" fmla="*/ 0 w 12188825"/>
              <a:gd name="connsiteY0" fmla="*/ 0 h 6858000"/>
              <a:gd name="connsiteX1" fmla="*/ 12188825 w 12188825"/>
              <a:gd name="connsiteY1" fmla="*/ 0 h 6858000"/>
              <a:gd name="connsiteX2" fmla="*/ 12188825 w 12188825"/>
              <a:gd name="connsiteY2" fmla="*/ 5807978 h 6858000"/>
              <a:gd name="connsiteX3" fmla="*/ 9560607 w 12188825"/>
              <a:gd name="connsiteY3" fmla="*/ 5616239 h 6858000"/>
              <a:gd name="connsiteX4" fmla="*/ 1001 w 12188825"/>
              <a:gd name="connsiteY4" fmla="*/ 6162918 h 6858000"/>
              <a:gd name="connsiteX5" fmla="*/ 116 w 12188825"/>
              <a:gd name="connsiteY5" fmla="*/ 6854516 h 6858000"/>
              <a:gd name="connsiteX6" fmla="*/ 12188825 w 12188825"/>
              <a:gd name="connsiteY6" fmla="*/ 6857998 h 6858000"/>
              <a:gd name="connsiteX7" fmla="*/ 12188825 w 12188825"/>
              <a:gd name="connsiteY7" fmla="*/ 6858000 h 6858000"/>
              <a:gd name="connsiteX8" fmla="*/ 0 w 12188825"/>
              <a:gd name="connsiteY8"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2188825" h="6858000">
                <a:moveTo>
                  <a:pt x="0" y="0"/>
                </a:moveTo>
                <a:lnTo>
                  <a:pt x="12188825" y="0"/>
                </a:lnTo>
                <a:lnTo>
                  <a:pt x="12188825" y="5807978"/>
                </a:lnTo>
                <a:lnTo>
                  <a:pt x="9560607" y="5616239"/>
                </a:lnTo>
                <a:lnTo>
                  <a:pt x="1001" y="6162918"/>
                </a:lnTo>
                <a:cubicBezTo>
                  <a:pt x="3996" y="6476240"/>
                  <a:pt x="-793" y="6510872"/>
                  <a:pt x="116" y="6854516"/>
                </a:cubicBezTo>
                <a:lnTo>
                  <a:pt x="12188825" y="6857998"/>
                </a:lnTo>
                <a:lnTo>
                  <a:pt x="12188825" y="6858000"/>
                </a:lnTo>
                <a:lnTo>
                  <a:pt x="0" y="6858000"/>
                </a:lnTo>
                <a:close/>
              </a:path>
            </a:pathLst>
          </a:custGeom>
        </p:spPr>
      </p:pic>
      <p:sp>
        <p:nvSpPr>
          <p:cNvPr id="12" name="Text Placeholder Logo">
            <a:extLst>
              <a:ext uri="{FF2B5EF4-FFF2-40B4-BE49-F238E27FC236}">
                <a16:creationId xmlns:a16="http://schemas.microsoft.com/office/drawing/2014/main" id="{2A6EA4A3-63BC-436E-936E-41F8B513083C}"/>
              </a:ext>
            </a:extLst>
          </p:cNvPr>
          <p:cNvSpPr>
            <a:spLocks noGrp="1"/>
          </p:cNvSpPr>
          <p:nvPr>
            <p:ph type="body" sz="quarter" idx="14" hasCustomPrompt="1"/>
          </p:nvPr>
        </p:nvSpPr>
        <p:spPr>
          <a:xfrm>
            <a:off x="30471" y="68578"/>
            <a:ext cx="1813011" cy="1032482"/>
          </a:xfrm>
          <a:blipFill>
            <a:blip r:embed="rId3"/>
            <a:stretch>
              <a:fillRect/>
            </a:stretch>
          </a:blipFill>
        </p:spPr>
        <p:txBody>
          <a:bodyPr>
            <a:normAutofit/>
          </a:bodyPr>
          <a:lstStyle>
            <a:lvl1pPr marL="0" indent="0">
              <a:buNone/>
              <a:defRPr sz="106"/>
            </a:lvl1pPr>
          </a:lstStyle>
          <a:p>
            <a:pPr lvl="0"/>
            <a:r>
              <a:rPr lang="da-DK" dirty="0"/>
              <a:t>.</a:t>
            </a:r>
          </a:p>
        </p:txBody>
      </p:sp>
      <p:sp>
        <p:nvSpPr>
          <p:cNvPr id="13" name="Freeform: Shape 12">
            <a:extLst>
              <a:ext uri="{FF2B5EF4-FFF2-40B4-BE49-F238E27FC236}">
                <a16:creationId xmlns:a16="http://schemas.microsoft.com/office/drawing/2014/main" id="{02EE7181-F938-4A27-BBD6-732E59C7D286}"/>
              </a:ext>
            </a:extLst>
          </p:cNvPr>
          <p:cNvSpPr/>
          <p:nvPr userDrawn="1"/>
        </p:nvSpPr>
        <p:spPr>
          <a:xfrm>
            <a:off x="-1000" y="5615786"/>
            <a:ext cx="12195970" cy="1241760"/>
          </a:xfrm>
          <a:custGeom>
            <a:avLst/>
            <a:gdLst>
              <a:gd name="connsiteX0" fmla="*/ 9036380 w 11527241"/>
              <a:gd name="connsiteY0" fmla="*/ 0 h 1173348"/>
              <a:gd name="connsiteX1" fmla="*/ 11525058 w 11527241"/>
              <a:gd name="connsiteY1" fmla="*/ 181509 h 1173348"/>
              <a:gd name="connsiteX2" fmla="*/ 11524931 w 11527241"/>
              <a:gd name="connsiteY2" fmla="*/ 1173348 h 1173348"/>
              <a:gd name="connsiteX3" fmla="*/ 110 w 11527241"/>
              <a:gd name="connsiteY3" fmla="*/ 1170056 h 1173348"/>
              <a:gd name="connsiteX4" fmla="*/ 946 w 11527241"/>
              <a:gd name="connsiteY4" fmla="*/ 516561 h 117334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527241" h="1173348">
                <a:moveTo>
                  <a:pt x="9036380" y="0"/>
                </a:moveTo>
                <a:lnTo>
                  <a:pt x="11525058" y="181509"/>
                </a:lnTo>
                <a:cubicBezTo>
                  <a:pt x="11526116" y="598146"/>
                  <a:pt x="11529461" y="645588"/>
                  <a:pt x="11524931" y="1173348"/>
                </a:cubicBezTo>
                <a:lnTo>
                  <a:pt x="110" y="1170056"/>
                </a:lnTo>
                <a:cubicBezTo>
                  <a:pt x="-750" y="845345"/>
                  <a:pt x="3777" y="812621"/>
                  <a:pt x="946" y="516561"/>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14" name="Title 13">
            <a:extLst>
              <a:ext uri="{FF2B5EF4-FFF2-40B4-BE49-F238E27FC236}">
                <a16:creationId xmlns:a16="http://schemas.microsoft.com/office/drawing/2014/main" id="{4AFB8976-B6B6-4526-A8CA-0497A2F90590}"/>
              </a:ext>
            </a:extLst>
          </p:cNvPr>
          <p:cNvSpPr>
            <a:spLocks noGrp="1"/>
          </p:cNvSpPr>
          <p:nvPr>
            <p:ph type="ctrTitle" hasCustomPrompt="1"/>
          </p:nvPr>
        </p:nvSpPr>
        <p:spPr>
          <a:xfrm>
            <a:off x="1" y="2284327"/>
            <a:ext cx="9558375" cy="3875144"/>
          </a:xfrm>
          <a:custGeom>
            <a:avLst/>
            <a:gdLst>
              <a:gd name="connsiteX0" fmla="*/ 0 w 9034271"/>
              <a:gd name="connsiteY0" fmla="*/ 0 h 3661652"/>
              <a:gd name="connsiteX1" fmla="*/ 9034271 w 9034271"/>
              <a:gd name="connsiteY1" fmla="*/ 0 h 3661652"/>
              <a:gd name="connsiteX2" fmla="*/ 9034271 w 9034271"/>
              <a:gd name="connsiteY2" fmla="*/ 3147987 h 3661652"/>
              <a:gd name="connsiteX3" fmla="*/ 49484 w 9034271"/>
              <a:gd name="connsiteY3" fmla="*/ 3661652 h 3661652"/>
              <a:gd name="connsiteX4" fmla="*/ 0 w 9034271"/>
              <a:gd name="connsiteY4" fmla="*/ 3661652 h 366165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034271" h="3661652">
                <a:moveTo>
                  <a:pt x="0" y="0"/>
                </a:moveTo>
                <a:lnTo>
                  <a:pt x="9034271" y="0"/>
                </a:lnTo>
                <a:lnTo>
                  <a:pt x="9034271" y="3147987"/>
                </a:lnTo>
                <a:lnTo>
                  <a:pt x="49484" y="3661652"/>
                </a:lnTo>
                <a:lnTo>
                  <a:pt x="0" y="3661652"/>
                </a:lnTo>
                <a:close/>
              </a:path>
            </a:pathLst>
          </a:custGeom>
          <a:solidFill>
            <a:schemeClr val="bg2">
              <a:alpha val="60000"/>
            </a:schemeClr>
          </a:solidFill>
        </p:spPr>
        <p:txBody>
          <a:bodyPr wrap="square" lIns="529200" tIns="720000" rIns="180000" anchor="t">
            <a:noAutofit/>
          </a:bodyPr>
          <a:lstStyle>
            <a:lvl1pPr algn="l">
              <a:defRPr lang="da-DK" sz="4867" spc="0" baseline="0" smtClean="0">
                <a:solidFill>
                  <a:schemeClr val="tx1"/>
                </a:solidFill>
                <a:effectLst/>
                <a:latin typeface="+mj-lt"/>
                <a:ea typeface="Open Sans" panose="020B0606030504020204" pitchFamily="34" charset="0"/>
                <a:cs typeface="Open Sans" panose="020B0606030504020204" pitchFamily="34" charset="0"/>
              </a:defRPr>
            </a:lvl1pPr>
          </a:lstStyle>
          <a:p>
            <a:r>
              <a:rPr lang="da-DK" dirty="0"/>
              <a:t>Klik for at tilføje titel</a:t>
            </a:r>
          </a:p>
        </p:txBody>
      </p:sp>
    </p:spTree>
    <p:extLst>
      <p:ext uri="{BB962C8B-B14F-4D97-AF65-F5344CB8AC3E}">
        <p14:creationId xmlns:p14="http://schemas.microsoft.com/office/powerpoint/2010/main" val="339869415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elslide, rød og blå bro">
    <p:spTree>
      <p:nvGrpSpPr>
        <p:cNvPr id="1" name=""/>
        <p:cNvGrpSpPr/>
        <p:nvPr/>
      </p:nvGrpSpPr>
      <p:grpSpPr>
        <a:xfrm>
          <a:off x="0" y="0"/>
          <a:ext cx="0" cy="0"/>
          <a:chOff x="0" y="0"/>
          <a:chExt cx="0" cy="0"/>
        </a:xfrm>
      </p:grpSpPr>
      <p:sp>
        <p:nvSpPr>
          <p:cNvPr id="9" name="Freeform 9">
            <a:extLst>
              <a:ext uri="{FF2B5EF4-FFF2-40B4-BE49-F238E27FC236}">
                <a16:creationId xmlns:a16="http://schemas.microsoft.com/office/drawing/2014/main" id="{29ED5081-FB62-4922-AEAE-5B200A43BDAD}"/>
              </a:ext>
            </a:extLst>
          </p:cNvPr>
          <p:cNvSpPr/>
          <p:nvPr userDrawn="1"/>
        </p:nvSpPr>
        <p:spPr>
          <a:xfrm>
            <a:off x="0" y="763635"/>
            <a:ext cx="9645342" cy="5411436"/>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112"/>
              <a:gd name="connsiteY0" fmla="*/ 542140 h 6500326"/>
              <a:gd name="connsiteX1" fmla="*/ 9114809 w 11524112"/>
              <a:gd name="connsiteY1" fmla="*/ 0 h 6500326"/>
              <a:gd name="connsiteX2" fmla="*/ 11524112 w 11524112"/>
              <a:gd name="connsiteY2" fmla="*/ 6500326 h 6500326"/>
              <a:gd name="connsiteX3" fmla="*/ 331 w 11524112"/>
              <a:gd name="connsiteY3" fmla="*/ 6495386 h 6500326"/>
              <a:gd name="connsiteX4" fmla="*/ 0 w 11524112"/>
              <a:gd name="connsiteY4" fmla="*/ 542140 h 6500326"/>
              <a:gd name="connsiteX0" fmla="*/ 0 w 9114809"/>
              <a:gd name="connsiteY0" fmla="*/ 542140 h 6495385"/>
              <a:gd name="connsiteX1" fmla="*/ 9114809 w 9114809"/>
              <a:gd name="connsiteY1" fmla="*/ 0 h 6495385"/>
              <a:gd name="connsiteX2" fmla="*/ 8877165 w 9114809"/>
              <a:gd name="connsiteY2" fmla="*/ 5145825 h 6495385"/>
              <a:gd name="connsiteX3" fmla="*/ 331 w 9114809"/>
              <a:gd name="connsiteY3" fmla="*/ 6495386 h 6495385"/>
              <a:gd name="connsiteX4" fmla="*/ 0 w 9114809"/>
              <a:gd name="connsiteY4" fmla="*/ 542140 h 6495385"/>
              <a:gd name="connsiteX0" fmla="*/ 0 w 9114809"/>
              <a:gd name="connsiteY0" fmla="*/ 542140 h 5145825"/>
              <a:gd name="connsiteX1" fmla="*/ 9114809 w 9114809"/>
              <a:gd name="connsiteY1" fmla="*/ 0 h 5145825"/>
              <a:gd name="connsiteX2" fmla="*/ 8877165 w 9114809"/>
              <a:gd name="connsiteY2" fmla="*/ 5145825 h 5145825"/>
              <a:gd name="connsiteX3" fmla="*/ 497636 w 9114809"/>
              <a:gd name="connsiteY3" fmla="*/ 4695326 h 5145825"/>
              <a:gd name="connsiteX4" fmla="*/ 0 w 9114809"/>
              <a:gd name="connsiteY4" fmla="*/ 542140 h 5145825"/>
              <a:gd name="connsiteX0" fmla="*/ 0 w 9114809"/>
              <a:gd name="connsiteY0" fmla="*/ 542140 h 5497333"/>
              <a:gd name="connsiteX1" fmla="*/ 9114809 w 9114809"/>
              <a:gd name="connsiteY1" fmla="*/ 0 h 5497333"/>
              <a:gd name="connsiteX2" fmla="*/ 8877165 w 9114809"/>
              <a:gd name="connsiteY2" fmla="*/ 5145825 h 5497333"/>
              <a:gd name="connsiteX3" fmla="*/ 160752 w 9114809"/>
              <a:gd name="connsiteY3" fmla="*/ 5497333 h 5497333"/>
              <a:gd name="connsiteX4" fmla="*/ 0 w 9114809"/>
              <a:gd name="connsiteY4" fmla="*/ 542140 h 5497333"/>
              <a:gd name="connsiteX0" fmla="*/ 0 w 9114809"/>
              <a:gd name="connsiteY0" fmla="*/ 542140 h 5677228"/>
              <a:gd name="connsiteX1" fmla="*/ 9114809 w 9114809"/>
              <a:gd name="connsiteY1" fmla="*/ 0 h 5677228"/>
              <a:gd name="connsiteX2" fmla="*/ 8877165 w 9114809"/>
              <a:gd name="connsiteY2" fmla="*/ 5145825 h 5677228"/>
              <a:gd name="connsiteX3" fmla="*/ 5177 w 9114809"/>
              <a:gd name="connsiteY3" fmla="*/ 5677228 h 5677228"/>
              <a:gd name="connsiteX4" fmla="*/ 0 w 9114809"/>
              <a:gd name="connsiteY4" fmla="*/ 542140 h 5677228"/>
              <a:gd name="connsiteX0" fmla="*/ 0 w 9114809"/>
              <a:gd name="connsiteY0" fmla="*/ 542140 h 5677228"/>
              <a:gd name="connsiteX1" fmla="*/ 9114809 w 9114809"/>
              <a:gd name="connsiteY1" fmla="*/ 0 h 5677228"/>
              <a:gd name="connsiteX2" fmla="*/ 9048615 w 9114809"/>
              <a:gd name="connsiteY2" fmla="*/ 5096442 h 5677228"/>
              <a:gd name="connsiteX3" fmla="*/ 5177 w 9114809"/>
              <a:gd name="connsiteY3" fmla="*/ 5677228 h 5677228"/>
              <a:gd name="connsiteX4" fmla="*/ 0 w 9114809"/>
              <a:gd name="connsiteY4" fmla="*/ 542140 h 5677228"/>
              <a:gd name="connsiteX0" fmla="*/ 0 w 9114809"/>
              <a:gd name="connsiteY0" fmla="*/ 542140 h 5677228"/>
              <a:gd name="connsiteX1" fmla="*/ 9114809 w 9114809"/>
              <a:gd name="connsiteY1" fmla="*/ 0 h 5677228"/>
              <a:gd name="connsiteX2" fmla="*/ 9086715 w 9114809"/>
              <a:gd name="connsiteY2" fmla="*/ 5099970 h 5677228"/>
              <a:gd name="connsiteX3" fmla="*/ 5177 w 9114809"/>
              <a:gd name="connsiteY3" fmla="*/ 5677228 h 5677228"/>
              <a:gd name="connsiteX4" fmla="*/ 0 w 9114809"/>
              <a:gd name="connsiteY4" fmla="*/ 542140 h 5677228"/>
              <a:gd name="connsiteX0" fmla="*/ 0 w 9121640"/>
              <a:gd name="connsiteY0" fmla="*/ 542140 h 5677228"/>
              <a:gd name="connsiteX1" fmla="*/ 9114809 w 9121640"/>
              <a:gd name="connsiteY1" fmla="*/ 0 h 5677228"/>
              <a:gd name="connsiteX2" fmla="*/ 9121640 w 9121640"/>
              <a:gd name="connsiteY2" fmla="*/ 5099970 h 5677228"/>
              <a:gd name="connsiteX3" fmla="*/ 5177 w 9121640"/>
              <a:gd name="connsiteY3" fmla="*/ 5677228 h 5677228"/>
              <a:gd name="connsiteX4" fmla="*/ 0 w 9121640"/>
              <a:gd name="connsiteY4" fmla="*/ 542140 h 5677228"/>
              <a:gd name="connsiteX0" fmla="*/ 0 w 9114809"/>
              <a:gd name="connsiteY0" fmla="*/ 542140 h 5677228"/>
              <a:gd name="connsiteX1" fmla="*/ 9114809 w 9114809"/>
              <a:gd name="connsiteY1" fmla="*/ 0 h 5677228"/>
              <a:gd name="connsiteX2" fmla="*/ 9102590 w 9114809"/>
              <a:gd name="connsiteY2" fmla="*/ 5096442 h 5677228"/>
              <a:gd name="connsiteX3" fmla="*/ 5177 w 9114809"/>
              <a:gd name="connsiteY3" fmla="*/ 5677228 h 5677228"/>
              <a:gd name="connsiteX4" fmla="*/ 0 w 9114809"/>
              <a:gd name="connsiteY4" fmla="*/ 542140 h 5677228"/>
              <a:gd name="connsiteX0" fmla="*/ 0 w 9115290"/>
              <a:gd name="connsiteY0" fmla="*/ 542140 h 5677228"/>
              <a:gd name="connsiteX1" fmla="*/ 9114809 w 9115290"/>
              <a:gd name="connsiteY1" fmla="*/ 0 h 5677228"/>
              <a:gd name="connsiteX2" fmla="*/ 9115290 w 9115290"/>
              <a:gd name="connsiteY2" fmla="*/ 5099970 h 5677228"/>
              <a:gd name="connsiteX3" fmla="*/ 5177 w 9115290"/>
              <a:gd name="connsiteY3" fmla="*/ 5677228 h 5677228"/>
              <a:gd name="connsiteX4" fmla="*/ 0 w 9115290"/>
              <a:gd name="connsiteY4" fmla="*/ 542140 h 5677228"/>
              <a:gd name="connsiteX0" fmla="*/ 1179 w 9116469"/>
              <a:gd name="connsiteY0" fmla="*/ 542140 h 5680755"/>
              <a:gd name="connsiteX1" fmla="*/ 9115988 w 9116469"/>
              <a:gd name="connsiteY1" fmla="*/ 0 h 5680755"/>
              <a:gd name="connsiteX2" fmla="*/ 9116469 w 9116469"/>
              <a:gd name="connsiteY2" fmla="*/ 5099970 h 5680755"/>
              <a:gd name="connsiteX3" fmla="*/ 6 w 9116469"/>
              <a:gd name="connsiteY3" fmla="*/ 5680755 h 5680755"/>
              <a:gd name="connsiteX4" fmla="*/ 1179 w 9116469"/>
              <a:gd name="connsiteY4" fmla="*/ 542140 h 56807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16469" h="5680755">
                <a:moveTo>
                  <a:pt x="1179" y="542140"/>
                </a:moveTo>
                <a:lnTo>
                  <a:pt x="9115988" y="0"/>
                </a:lnTo>
                <a:cubicBezTo>
                  <a:pt x="9116148" y="1699990"/>
                  <a:pt x="9116309" y="3399980"/>
                  <a:pt x="9116469" y="5099970"/>
                </a:cubicBezTo>
                <a:lnTo>
                  <a:pt x="6" y="5680755"/>
                </a:lnTo>
                <a:cubicBezTo>
                  <a:pt x="-104" y="3695164"/>
                  <a:pt x="1289" y="2527731"/>
                  <a:pt x="1179" y="542140"/>
                </a:cubicBezTo>
                <a:close/>
              </a:path>
            </a:pathLst>
          </a:custGeom>
          <a:solidFill>
            <a:srgbClr val="F21935"/>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11" name="Freeform 13">
            <a:extLst>
              <a:ext uri="{FF2B5EF4-FFF2-40B4-BE49-F238E27FC236}">
                <a16:creationId xmlns:a16="http://schemas.microsoft.com/office/drawing/2014/main" id="{5BE98CB1-7E1F-46E6-94B1-961D36584890}"/>
              </a:ext>
            </a:extLst>
          </p:cNvPr>
          <p:cNvSpPr/>
          <p:nvPr userDrawn="1"/>
        </p:nvSpPr>
        <p:spPr>
          <a:xfrm>
            <a:off x="9644093" y="762663"/>
            <a:ext cx="2542990" cy="5062482"/>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112"/>
              <a:gd name="connsiteY0" fmla="*/ 542140 h 6500326"/>
              <a:gd name="connsiteX1" fmla="*/ 9114809 w 11524112"/>
              <a:gd name="connsiteY1" fmla="*/ 0 h 6500326"/>
              <a:gd name="connsiteX2" fmla="*/ 11524112 w 11524112"/>
              <a:gd name="connsiteY2" fmla="*/ 6500326 h 6500326"/>
              <a:gd name="connsiteX3" fmla="*/ 331 w 11524112"/>
              <a:gd name="connsiteY3" fmla="*/ 6495386 h 6500326"/>
              <a:gd name="connsiteX4" fmla="*/ 0 w 11524112"/>
              <a:gd name="connsiteY4" fmla="*/ 542140 h 6500326"/>
              <a:gd name="connsiteX0" fmla="*/ 0 w 9114809"/>
              <a:gd name="connsiteY0" fmla="*/ 542140 h 6495385"/>
              <a:gd name="connsiteX1" fmla="*/ 9114809 w 9114809"/>
              <a:gd name="connsiteY1" fmla="*/ 0 h 6495385"/>
              <a:gd name="connsiteX2" fmla="*/ 8877165 w 9114809"/>
              <a:gd name="connsiteY2" fmla="*/ 5145825 h 6495385"/>
              <a:gd name="connsiteX3" fmla="*/ 331 w 9114809"/>
              <a:gd name="connsiteY3" fmla="*/ 6495386 h 6495385"/>
              <a:gd name="connsiteX4" fmla="*/ 0 w 9114809"/>
              <a:gd name="connsiteY4" fmla="*/ 542140 h 6495385"/>
              <a:gd name="connsiteX0" fmla="*/ 0 w 9114809"/>
              <a:gd name="connsiteY0" fmla="*/ 542140 h 5145825"/>
              <a:gd name="connsiteX1" fmla="*/ 9114809 w 9114809"/>
              <a:gd name="connsiteY1" fmla="*/ 0 h 5145825"/>
              <a:gd name="connsiteX2" fmla="*/ 8877165 w 9114809"/>
              <a:gd name="connsiteY2" fmla="*/ 5145825 h 5145825"/>
              <a:gd name="connsiteX3" fmla="*/ 497636 w 9114809"/>
              <a:gd name="connsiteY3" fmla="*/ 4695326 h 5145825"/>
              <a:gd name="connsiteX4" fmla="*/ 0 w 9114809"/>
              <a:gd name="connsiteY4" fmla="*/ 542140 h 5145825"/>
              <a:gd name="connsiteX0" fmla="*/ 0 w 9114809"/>
              <a:gd name="connsiteY0" fmla="*/ 542140 h 5497333"/>
              <a:gd name="connsiteX1" fmla="*/ 9114809 w 9114809"/>
              <a:gd name="connsiteY1" fmla="*/ 0 h 5497333"/>
              <a:gd name="connsiteX2" fmla="*/ 8877165 w 9114809"/>
              <a:gd name="connsiteY2" fmla="*/ 5145825 h 5497333"/>
              <a:gd name="connsiteX3" fmla="*/ 160752 w 9114809"/>
              <a:gd name="connsiteY3" fmla="*/ 5497333 h 5497333"/>
              <a:gd name="connsiteX4" fmla="*/ 0 w 9114809"/>
              <a:gd name="connsiteY4" fmla="*/ 542140 h 5497333"/>
              <a:gd name="connsiteX0" fmla="*/ 0 w 9114809"/>
              <a:gd name="connsiteY0" fmla="*/ 542140 h 5677228"/>
              <a:gd name="connsiteX1" fmla="*/ 9114809 w 9114809"/>
              <a:gd name="connsiteY1" fmla="*/ 0 h 5677228"/>
              <a:gd name="connsiteX2" fmla="*/ 8877165 w 9114809"/>
              <a:gd name="connsiteY2" fmla="*/ 5145825 h 5677228"/>
              <a:gd name="connsiteX3" fmla="*/ 5177 w 9114809"/>
              <a:gd name="connsiteY3" fmla="*/ 5677228 h 5677228"/>
              <a:gd name="connsiteX4" fmla="*/ 0 w 9114809"/>
              <a:gd name="connsiteY4" fmla="*/ 542140 h 5677228"/>
              <a:gd name="connsiteX0" fmla="*/ 0 w 9114809"/>
              <a:gd name="connsiteY0" fmla="*/ 542140 h 5677228"/>
              <a:gd name="connsiteX1" fmla="*/ 9114809 w 9114809"/>
              <a:gd name="connsiteY1" fmla="*/ 0 h 5677228"/>
              <a:gd name="connsiteX2" fmla="*/ 9048615 w 9114809"/>
              <a:gd name="connsiteY2" fmla="*/ 5096442 h 5677228"/>
              <a:gd name="connsiteX3" fmla="*/ 5177 w 9114809"/>
              <a:gd name="connsiteY3" fmla="*/ 5677228 h 5677228"/>
              <a:gd name="connsiteX4" fmla="*/ 0 w 9114809"/>
              <a:gd name="connsiteY4" fmla="*/ 542140 h 5677228"/>
              <a:gd name="connsiteX0" fmla="*/ 0 w 9114809"/>
              <a:gd name="connsiteY0" fmla="*/ 542140 h 5677228"/>
              <a:gd name="connsiteX1" fmla="*/ 9114809 w 9114809"/>
              <a:gd name="connsiteY1" fmla="*/ 0 h 5677228"/>
              <a:gd name="connsiteX2" fmla="*/ 9086715 w 9114809"/>
              <a:gd name="connsiteY2" fmla="*/ 5099970 h 5677228"/>
              <a:gd name="connsiteX3" fmla="*/ 5177 w 9114809"/>
              <a:gd name="connsiteY3" fmla="*/ 5677228 h 5677228"/>
              <a:gd name="connsiteX4" fmla="*/ 0 w 9114809"/>
              <a:gd name="connsiteY4" fmla="*/ 542140 h 5677228"/>
              <a:gd name="connsiteX0" fmla="*/ 0 w 9121640"/>
              <a:gd name="connsiteY0" fmla="*/ 542140 h 5677228"/>
              <a:gd name="connsiteX1" fmla="*/ 9114809 w 9121640"/>
              <a:gd name="connsiteY1" fmla="*/ 0 h 5677228"/>
              <a:gd name="connsiteX2" fmla="*/ 9121640 w 9121640"/>
              <a:gd name="connsiteY2" fmla="*/ 5099970 h 5677228"/>
              <a:gd name="connsiteX3" fmla="*/ 5177 w 9121640"/>
              <a:gd name="connsiteY3" fmla="*/ 5677228 h 5677228"/>
              <a:gd name="connsiteX4" fmla="*/ 0 w 9121640"/>
              <a:gd name="connsiteY4" fmla="*/ 542140 h 5677228"/>
              <a:gd name="connsiteX0" fmla="*/ 0 w 9114809"/>
              <a:gd name="connsiteY0" fmla="*/ 542140 h 5677228"/>
              <a:gd name="connsiteX1" fmla="*/ 9114809 w 9114809"/>
              <a:gd name="connsiteY1" fmla="*/ 0 h 5677228"/>
              <a:gd name="connsiteX2" fmla="*/ 9102590 w 9114809"/>
              <a:gd name="connsiteY2" fmla="*/ 5096442 h 5677228"/>
              <a:gd name="connsiteX3" fmla="*/ 5177 w 9114809"/>
              <a:gd name="connsiteY3" fmla="*/ 5677228 h 5677228"/>
              <a:gd name="connsiteX4" fmla="*/ 0 w 9114809"/>
              <a:gd name="connsiteY4" fmla="*/ 542140 h 5677228"/>
              <a:gd name="connsiteX0" fmla="*/ 0 w 9115290"/>
              <a:gd name="connsiteY0" fmla="*/ 542140 h 5677228"/>
              <a:gd name="connsiteX1" fmla="*/ 9114809 w 9115290"/>
              <a:gd name="connsiteY1" fmla="*/ 0 h 5677228"/>
              <a:gd name="connsiteX2" fmla="*/ 9115290 w 9115290"/>
              <a:gd name="connsiteY2" fmla="*/ 5099970 h 5677228"/>
              <a:gd name="connsiteX3" fmla="*/ 5177 w 9115290"/>
              <a:gd name="connsiteY3" fmla="*/ 5677228 h 5677228"/>
              <a:gd name="connsiteX4" fmla="*/ 0 w 9115290"/>
              <a:gd name="connsiteY4" fmla="*/ 542140 h 5677228"/>
              <a:gd name="connsiteX0" fmla="*/ 1179 w 9116469"/>
              <a:gd name="connsiteY0" fmla="*/ 542140 h 5680755"/>
              <a:gd name="connsiteX1" fmla="*/ 9115988 w 9116469"/>
              <a:gd name="connsiteY1" fmla="*/ 0 h 5680755"/>
              <a:gd name="connsiteX2" fmla="*/ 9116469 w 9116469"/>
              <a:gd name="connsiteY2" fmla="*/ 5099970 h 5680755"/>
              <a:gd name="connsiteX3" fmla="*/ 6 w 9116469"/>
              <a:gd name="connsiteY3" fmla="*/ 5680755 h 5680755"/>
              <a:gd name="connsiteX4" fmla="*/ 1179 w 9116469"/>
              <a:gd name="connsiteY4" fmla="*/ 542140 h 5680755"/>
              <a:gd name="connsiteX0" fmla="*/ 33753 w 9116465"/>
              <a:gd name="connsiteY0" fmla="*/ 0 h 6223363"/>
              <a:gd name="connsiteX1" fmla="*/ 9115984 w 9116465"/>
              <a:gd name="connsiteY1" fmla="*/ 542608 h 6223363"/>
              <a:gd name="connsiteX2" fmla="*/ 9116465 w 9116465"/>
              <a:gd name="connsiteY2" fmla="*/ 5642578 h 6223363"/>
              <a:gd name="connsiteX3" fmla="*/ 2 w 9116465"/>
              <a:gd name="connsiteY3" fmla="*/ 6223363 h 6223363"/>
              <a:gd name="connsiteX4" fmla="*/ 33753 w 9116465"/>
              <a:gd name="connsiteY4" fmla="*/ 0 h 6223363"/>
              <a:gd name="connsiteX0" fmla="*/ 0 w 9082712"/>
              <a:gd name="connsiteY0" fmla="*/ 0 h 5642577"/>
              <a:gd name="connsiteX1" fmla="*/ 9082231 w 9082712"/>
              <a:gd name="connsiteY1" fmla="*/ 542608 h 5642577"/>
              <a:gd name="connsiteX2" fmla="*/ 9082712 w 9082712"/>
              <a:gd name="connsiteY2" fmla="*/ 5642578 h 5642577"/>
              <a:gd name="connsiteX3" fmla="*/ 357188 w 9082712"/>
              <a:gd name="connsiteY3" fmla="*/ 4845905 h 5642577"/>
              <a:gd name="connsiteX4" fmla="*/ 0 w 9082712"/>
              <a:gd name="connsiteY4" fmla="*/ 0 h 5642577"/>
              <a:gd name="connsiteX0" fmla="*/ 0 w 9082712"/>
              <a:gd name="connsiteY0" fmla="*/ 0 h 5642578"/>
              <a:gd name="connsiteX1" fmla="*/ 9082231 w 9082712"/>
              <a:gd name="connsiteY1" fmla="*/ 542608 h 5642578"/>
              <a:gd name="connsiteX2" fmla="*/ 9082712 w 9082712"/>
              <a:gd name="connsiteY2" fmla="*/ 5642578 h 5642578"/>
              <a:gd name="connsiteX3" fmla="*/ 96562 w 9082712"/>
              <a:gd name="connsiteY3" fmla="*/ 4983652 h 5642578"/>
              <a:gd name="connsiteX4" fmla="*/ 0 w 9082712"/>
              <a:gd name="connsiteY4" fmla="*/ 0 h 5642578"/>
              <a:gd name="connsiteX0" fmla="*/ 0 w 9082712"/>
              <a:gd name="connsiteY0" fmla="*/ 0 h 5642578"/>
              <a:gd name="connsiteX1" fmla="*/ 4912221 w 9082712"/>
              <a:gd name="connsiteY1" fmla="*/ 301553 h 5642578"/>
              <a:gd name="connsiteX2" fmla="*/ 9082712 w 9082712"/>
              <a:gd name="connsiteY2" fmla="*/ 5642578 h 5642578"/>
              <a:gd name="connsiteX3" fmla="*/ 96562 w 9082712"/>
              <a:gd name="connsiteY3" fmla="*/ 4983652 h 5642578"/>
              <a:gd name="connsiteX4" fmla="*/ 0 w 9082712"/>
              <a:gd name="connsiteY4" fmla="*/ 0 h 5642578"/>
              <a:gd name="connsiteX0" fmla="*/ 0 w 4912221"/>
              <a:gd name="connsiteY0" fmla="*/ 0 h 5367087"/>
              <a:gd name="connsiteX1" fmla="*/ 4912221 w 4912221"/>
              <a:gd name="connsiteY1" fmla="*/ 301553 h 5367087"/>
              <a:gd name="connsiteX2" fmla="*/ 4652077 w 4912221"/>
              <a:gd name="connsiteY2" fmla="*/ 5367087 h 5367087"/>
              <a:gd name="connsiteX3" fmla="*/ 96562 w 4912221"/>
              <a:gd name="connsiteY3" fmla="*/ 4983652 h 5367087"/>
              <a:gd name="connsiteX4" fmla="*/ 0 w 4912221"/>
              <a:gd name="connsiteY4" fmla="*/ 0 h 5367087"/>
              <a:gd name="connsiteX0" fmla="*/ 0 w 4938917"/>
              <a:gd name="connsiteY0" fmla="*/ 0 h 5360032"/>
              <a:gd name="connsiteX1" fmla="*/ 4938917 w 4938917"/>
              <a:gd name="connsiteY1" fmla="*/ 294498 h 5360032"/>
              <a:gd name="connsiteX2" fmla="*/ 4678773 w 4938917"/>
              <a:gd name="connsiteY2" fmla="*/ 5360032 h 5360032"/>
              <a:gd name="connsiteX3" fmla="*/ 123258 w 4938917"/>
              <a:gd name="connsiteY3" fmla="*/ 4976597 h 5360032"/>
              <a:gd name="connsiteX4" fmla="*/ 0 w 4938917"/>
              <a:gd name="connsiteY4" fmla="*/ 0 h 5360032"/>
              <a:gd name="connsiteX0" fmla="*/ 0 w 4932243"/>
              <a:gd name="connsiteY0" fmla="*/ 0 h 5363559"/>
              <a:gd name="connsiteX1" fmla="*/ 4932243 w 4932243"/>
              <a:gd name="connsiteY1" fmla="*/ 298025 h 5363559"/>
              <a:gd name="connsiteX2" fmla="*/ 4672099 w 4932243"/>
              <a:gd name="connsiteY2" fmla="*/ 5363559 h 5363559"/>
              <a:gd name="connsiteX3" fmla="*/ 116584 w 4932243"/>
              <a:gd name="connsiteY3" fmla="*/ 4980124 h 5363559"/>
              <a:gd name="connsiteX4" fmla="*/ 0 w 4932243"/>
              <a:gd name="connsiteY4" fmla="*/ 0 h 5363559"/>
              <a:gd name="connsiteX0" fmla="*/ 10222 w 4942465"/>
              <a:gd name="connsiteY0" fmla="*/ 0 h 5363559"/>
              <a:gd name="connsiteX1" fmla="*/ 4942465 w 4942465"/>
              <a:gd name="connsiteY1" fmla="*/ 298025 h 5363559"/>
              <a:gd name="connsiteX2" fmla="*/ 4682321 w 4942465"/>
              <a:gd name="connsiteY2" fmla="*/ 5363559 h 5363559"/>
              <a:gd name="connsiteX3" fmla="*/ 0 w 4942465"/>
              <a:gd name="connsiteY3" fmla="*/ 5107108 h 5363559"/>
              <a:gd name="connsiteX4" fmla="*/ 10222 w 4942465"/>
              <a:gd name="connsiteY4" fmla="*/ 0 h 5363559"/>
              <a:gd name="connsiteX0" fmla="*/ 3550 w 4935793"/>
              <a:gd name="connsiteY0" fmla="*/ 0 h 5363559"/>
              <a:gd name="connsiteX1" fmla="*/ 4935793 w 4935793"/>
              <a:gd name="connsiteY1" fmla="*/ 298025 h 5363559"/>
              <a:gd name="connsiteX2" fmla="*/ 4675649 w 4935793"/>
              <a:gd name="connsiteY2" fmla="*/ 5363559 h 5363559"/>
              <a:gd name="connsiteX3" fmla="*/ 2 w 4935793"/>
              <a:gd name="connsiteY3" fmla="*/ 5107108 h 5363559"/>
              <a:gd name="connsiteX4" fmla="*/ 3550 w 4935793"/>
              <a:gd name="connsiteY4" fmla="*/ 0 h 5363559"/>
              <a:gd name="connsiteX0" fmla="*/ 0 w 4932243"/>
              <a:gd name="connsiteY0" fmla="*/ 0 h 5363559"/>
              <a:gd name="connsiteX1" fmla="*/ 4932243 w 4932243"/>
              <a:gd name="connsiteY1" fmla="*/ 298025 h 5363559"/>
              <a:gd name="connsiteX2" fmla="*/ 4672099 w 4932243"/>
              <a:gd name="connsiteY2" fmla="*/ 5363559 h 5363559"/>
              <a:gd name="connsiteX3" fmla="*/ 3126 w 4932243"/>
              <a:gd name="connsiteY3" fmla="*/ 5092999 h 5363559"/>
              <a:gd name="connsiteX4" fmla="*/ 0 w 4932243"/>
              <a:gd name="connsiteY4" fmla="*/ 0 h 5363559"/>
              <a:gd name="connsiteX0" fmla="*/ 0 w 4932243"/>
              <a:gd name="connsiteY0" fmla="*/ 0 h 5092999"/>
              <a:gd name="connsiteX1" fmla="*/ 4932243 w 4932243"/>
              <a:gd name="connsiteY1" fmla="*/ 298025 h 5092999"/>
              <a:gd name="connsiteX2" fmla="*/ 4832276 w 4932243"/>
              <a:gd name="connsiteY2" fmla="*/ 5024934 h 5092999"/>
              <a:gd name="connsiteX3" fmla="*/ 3126 w 4932243"/>
              <a:gd name="connsiteY3" fmla="*/ 5092999 h 5092999"/>
              <a:gd name="connsiteX4" fmla="*/ 0 w 4932243"/>
              <a:gd name="connsiteY4" fmla="*/ 0 h 5092999"/>
              <a:gd name="connsiteX0" fmla="*/ 0 w 5052375"/>
              <a:gd name="connsiteY0" fmla="*/ 0 h 5092999"/>
              <a:gd name="connsiteX1" fmla="*/ 5052375 w 5052375"/>
              <a:gd name="connsiteY1" fmla="*/ 209841 h 5092999"/>
              <a:gd name="connsiteX2" fmla="*/ 4832276 w 5052375"/>
              <a:gd name="connsiteY2" fmla="*/ 5024934 h 5092999"/>
              <a:gd name="connsiteX3" fmla="*/ 3126 w 5052375"/>
              <a:gd name="connsiteY3" fmla="*/ 5092999 h 5092999"/>
              <a:gd name="connsiteX4" fmla="*/ 0 w 5052375"/>
              <a:gd name="connsiteY4" fmla="*/ 0 h 5092999"/>
              <a:gd name="connsiteX0" fmla="*/ 10222 w 5062597"/>
              <a:gd name="connsiteY0" fmla="*/ 0 h 5100054"/>
              <a:gd name="connsiteX1" fmla="*/ 5062597 w 5062597"/>
              <a:gd name="connsiteY1" fmla="*/ 209841 h 5100054"/>
              <a:gd name="connsiteX2" fmla="*/ 4842498 w 5062597"/>
              <a:gd name="connsiteY2" fmla="*/ 5024934 h 5100054"/>
              <a:gd name="connsiteX3" fmla="*/ 0 w 5062597"/>
              <a:gd name="connsiteY3" fmla="*/ 5100054 h 5100054"/>
              <a:gd name="connsiteX4" fmla="*/ 10222 w 5062597"/>
              <a:gd name="connsiteY4" fmla="*/ 0 h 5100054"/>
              <a:gd name="connsiteX0" fmla="*/ 0 w 5052375"/>
              <a:gd name="connsiteY0" fmla="*/ 0 h 5103581"/>
              <a:gd name="connsiteX1" fmla="*/ 5052375 w 5052375"/>
              <a:gd name="connsiteY1" fmla="*/ 209841 h 5103581"/>
              <a:gd name="connsiteX2" fmla="*/ 4832276 w 5052375"/>
              <a:gd name="connsiteY2" fmla="*/ 5024934 h 5103581"/>
              <a:gd name="connsiteX3" fmla="*/ 3126 w 5052375"/>
              <a:gd name="connsiteY3" fmla="*/ 5103581 h 5103581"/>
              <a:gd name="connsiteX4" fmla="*/ 0 w 5052375"/>
              <a:gd name="connsiteY4" fmla="*/ 0 h 5103581"/>
              <a:gd name="connsiteX0" fmla="*/ 0 w 5052375"/>
              <a:gd name="connsiteY0" fmla="*/ 0 h 5303905"/>
              <a:gd name="connsiteX1" fmla="*/ 5052375 w 5052375"/>
              <a:gd name="connsiteY1" fmla="*/ 209841 h 5303905"/>
              <a:gd name="connsiteX2" fmla="*/ 5041417 w 5052375"/>
              <a:gd name="connsiteY2" fmla="*/ 5303905 h 5303905"/>
              <a:gd name="connsiteX3" fmla="*/ 3126 w 5052375"/>
              <a:gd name="connsiteY3" fmla="*/ 5103581 h 5303905"/>
              <a:gd name="connsiteX4" fmla="*/ 0 w 5052375"/>
              <a:gd name="connsiteY4" fmla="*/ 0 h 5303905"/>
              <a:gd name="connsiteX0" fmla="*/ 0 w 5052388"/>
              <a:gd name="connsiteY0" fmla="*/ 0 h 5314433"/>
              <a:gd name="connsiteX1" fmla="*/ 5052375 w 5052388"/>
              <a:gd name="connsiteY1" fmla="*/ 209841 h 5314433"/>
              <a:gd name="connsiteX2" fmla="*/ 5051377 w 5052388"/>
              <a:gd name="connsiteY2" fmla="*/ 5314433 h 5314433"/>
              <a:gd name="connsiteX3" fmla="*/ 3126 w 5052388"/>
              <a:gd name="connsiteY3" fmla="*/ 5103581 h 5314433"/>
              <a:gd name="connsiteX4" fmla="*/ 0 w 5052388"/>
              <a:gd name="connsiteY4" fmla="*/ 0 h 531443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52388" h="5314433">
                <a:moveTo>
                  <a:pt x="0" y="0"/>
                </a:moveTo>
                <a:lnTo>
                  <a:pt x="5052375" y="209841"/>
                </a:lnTo>
                <a:cubicBezTo>
                  <a:pt x="5052535" y="1909831"/>
                  <a:pt x="5051217" y="3614443"/>
                  <a:pt x="5051377" y="5314433"/>
                </a:cubicBezTo>
                <a:lnTo>
                  <a:pt x="3126" y="5103581"/>
                </a:lnTo>
                <a:cubicBezTo>
                  <a:pt x="3016" y="3117990"/>
                  <a:pt x="110" y="1985591"/>
                  <a:pt x="0" y="0"/>
                </a:cubicBezTo>
                <a:close/>
              </a:path>
            </a:pathLst>
          </a:custGeom>
          <a:solidFill>
            <a:srgbClr val="2553A4"/>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2" name="Title 1"/>
          <p:cNvSpPr>
            <a:spLocks noGrp="1"/>
          </p:cNvSpPr>
          <p:nvPr>
            <p:ph type="ctrTitle" hasCustomPrompt="1"/>
          </p:nvPr>
        </p:nvSpPr>
        <p:spPr>
          <a:xfrm>
            <a:off x="614203" y="1409570"/>
            <a:ext cx="8750684" cy="1493572"/>
          </a:xfrm>
          <a:prstGeom prst="rect">
            <a:avLst/>
          </a:prstGeom>
        </p:spPr>
        <p:txBody>
          <a:bodyPr anchor="b" anchorCtr="0">
            <a:normAutofit/>
          </a:bodyPr>
          <a:lstStyle>
            <a:lvl1pPr algn="l">
              <a:defRPr lang="da-DK" sz="4867" spc="0" baseline="0" smtClean="0">
                <a:solidFill>
                  <a:schemeClr val="bg1"/>
                </a:solidFill>
                <a:effectLst/>
                <a:latin typeface="+mj-lt"/>
                <a:ea typeface="Open Sans" panose="020B0606030504020204" pitchFamily="34" charset="0"/>
                <a:cs typeface="Open Sans" panose="020B0606030504020204" pitchFamily="34" charset="0"/>
              </a:defRPr>
            </a:lvl1pPr>
          </a:lstStyle>
          <a:p>
            <a:r>
              <a:rPr lang="da-DK" dirty="0"/>
              <a:t>Klik for at tilføje titel</a:t>
            </a:r>
          </a:p>
        </p:txBody>
      </p:sp>
      <p:sp>
        <p:nvSpPr>
          <p:cNvPr id="3" name="Subtitle 2"/>
          <p:cNvSpPr>
            <a:spLocks noGrp="1"/>
          </p:cNvSpPr>
          <p:nvPr>
            <p:ph type="subTitle" idx="1" hasCustomPrompt="1"/>
          </p:nvPr>
        </p:nvSpPr>
        <p:spPr>
          <a:xfrm>
            <a:off x="614203" y="3039227"/>
            <a:ext cx="8750684" cy="1651340"/>
          </a:xfrm>
          <a:prstGeom prst="rect">
            <a:avLst/>
          </a:prstGeom>
        </p:spPr>
        <p:txBody>
          <a:bodyPr anchor="ctr" anchorCtr="0"/>
          <a:lstStyle>
            <a:lvl1pPr marL="0" indent="0" algn="l">
              <a:buNone/>
              <a:defRPr lang="da-DK" sz="2751" smtClean="0">
                <a:solidFill>
                  <a:schemeClr val="bg1"/>
                </a:solidFill>
                <a:effectLst/>
                <a:latin typeface="+mn-lt"/>
                <a:ea typeface="Open Sans" panose="020B0606030504020204" pitchFamily="34" charset="0"/>
                <a:cs typeface="Open Sans" panose="020B0606030504020204" pitchFamily="34" charset="0"/>
              </a:defRPr>
            </a:lvl1pPr>
            <a:lvl2pPr marL="457064" indent="0" algn="ctr">
              <a:buNone/>
              <a:defRPr sz="2000"/>
            </a:lvl2pPr>
            <a:lvl3pPr marL="914130" indent="0" algn="ctr">
              <a:buNone/>
              <a:defRPr sz="1800"/>
            </a:lvl3pPr>
            <a:lvl4pPr marL="1371194" indent="0" algn="ctr">
              <a:buNone/>
              <a:defRPr sz="1600"/>
            </a:lvl4pPr>
            <a:lvl5pPr marL="1828259" indent="0" algn="ctr">
              <a:buNone/>
              <a:defRPr sz="1600"/>
            </a:lvl5pPr>
            <a:lvl6pPr marL="2285323" indent="0" algn="ctr">
              <a:buNone/>
              <a:defRPr sz="1600"/>
            </a:lvl6pPr>
            <a:lvl7pPr marL="2742389" indent="0" algn="ctr">
              <a:buNone/>
              <a:defRPr sz="1600"/>
            </a:lvl7pPr>
            <a:lvl8pPr marL="3199453" indent="0" algn="ctr">
              <a:buNone/>
              <a:defRPr sz="1600"/>
            </a:lvl8pPr>
            <a:lvl9pPr marL="3656518" indent="0" algn="ctr">
              <a:buNone/>
              <a:defRPr sz="1600"/>
            </a:lvl9pPr>
          </a:lstStyle>
          <a:p>
            <a:r>
              <a:rPr lang="da-DK" dirty="0"/>
              <a:t>Klik for at tilføje undertitel</a:t>
            </a:r>
          </a:p>
        </p:txBody>
      </p:sp>
    </p:spTree>
    <p:extLst>
      <p:ext uri="{BB962C8B-B14F-4D97-AF65-F5344CB8AC3E}">
        <p14:creationId xmlns:p14="http://schemas.microsoft.com/office/powerpoint/2010/main" val="35276769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elslide, grå bro">
    <p:spTree>
      <p:nvGrpSpPr>
        <p:cNvPr id="1" name=""/>
        <p:cNvGrpSpPr/>
        <p:nvPr/>
      </p:nvGrpSpPr>
      <p:grpSpPr>
        <a:xfrm>
          <a:off x="0" y="0"/>
          <a:ext cx="0" cy="0"/>
          <a:chOff x="0" y="0"/>
          <a:chExt cx="0" cy="0"/>
        </a:xfrm>
      </p:grpSpPr>
      <p:sp>
        <p:nvSpPr>
          <p:cNvPr id="10" name="Freeform 9">
            <a:extLst>
              <a:ext uri="{FF2B5EF4-FFF2-40B4-BE49-F238E27FC236}">
                <a16:creationId xmlns:a16="http://schemas.microsoft.com/office/drawing/2014/main" id="{18600839-B2D6-B14A-8F73-EA6A67D4E83C}"/>
              </a:ext>
            </a:extLst>
          </p:cNvPr>
          <p:cNvSpPr/>
          <p:nvPr userDrawn="1"/>
        </p:nvSpPr>
        <p:spPr>
          <a:xfrm>
            <a:off x="0" y="763635"/>
            <a:ext cx="9645342" cy="5411436"/>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112"/>
              <a:gd name="connsiteY0" fmla="*/ 542140 h 6500326"/>
              <a:gd name="connsiteX1" fmla="*/ 9114809 w 11524112"/>
              <a:gd name="connsiteY1" fmla="*/ 0 h 6500326"/>
              <a:gd name="connsiteX2" fmla="*/ 11524112 w 11524112"/>
              <a:gd name="connsiteY2" fmla="*/ 6500326 h 6500326"/>
              <a:gd name="connsiteX3" fmla="*/ 331 w 11524112"/>
              <a:gd name="connsiteY3" fmla="*/ 6495386 h 6500326"/>
              <a:gd name="connsiteX4" fmla="*/ 0 w 11524112"/>
              <a:gd name="connsiteY4" fmla="*/ 542140 h 6500326"/>
              <a:gd name="connsiteX0" fmla="*/ 0 w 9114809"/>
              <a:gd name="connsiteY0" fmla="*/ 542140 h 6495385"/>
              <a:gd name="connsiteX1" fmla="*/ 9114809 w 9114809"/>
              <a:gd name="connsiteY1" fmla="*/ 0 h 6495385"/>
              <a:gd name="connsiteX2" fmla="*/ 8877165 w 9114809"/>
              <a:gd name="connsiteY2" fmla="*/ 5145825 h 6495385"/>
              <a:gd name="connsiteX3" fmla="*/ 331 w 9114809"/>
              <a:gd name="connsiteY3" fmla="*/ 6495386 h 6495385"/>
              <a:gd name="connsiteX4" fmla="*/ 0 w 9114809"/>
              <a:gd name="connsiteY4" fmla="*/ 542140 h 6495385"/>
              <a:gd name="connsiteX0" fmla="*/ 0 w 9114809"/>
              <a:gd name="connsiteY0" fmla="*/ 542140 h 5145825"/>
              <a:gd name="connsiteX1" fmla="*/ 9114809 w 9114809"/>
              <a:gd name="connsiteY1" fmla="*/ 0 h 5145825"/>
              <a:gd name="connsiteX2" fmla="*/ 8877165 w 9114809"/>
              <a:gd name="connsiteY2" fmla="*/ 5145825 h 5145825"/>
              <a:gd name="connsiteX3" fmla="*/ 497636 w 9114809"/>
              <a:gd name="connsiteY3" fmla="*/ 4695326 h 5145825"/>
              <a:gd name="connsiteX4" fmla="*/ 0 w 9114809"/>
              <a:gd name="connsiteY4" fmla="*/ 542140 h 5145825"/>
              <a:gd name="connsiteX0" fmla="*/ 0 w 9114809"/>
              <a:gd name="connsiteY0" fmla="*/ 542140 h 5497333"/>
              <a:gd name="connsiteX1" fmla="*/ 9114809 w 9114809"/>
              <a:gd name="connsiteY1" fmla="*/ 0 h 5497333"/>
              <a:gd name="connsiteX2" fmla="*/ 8877165 w 9114809"/>
              <a:gd name="connsiteY2" fmla="*/ 5145825 h 5497333"/>
              <a:gd name="connsiteX3" fmla="*/ 160752 w 9114809"/>
              <a:gd name="connsiteY3" fmla="*/ 5497333 h 5497333"/>
              <a:gd name="connsiteX4" fmla="*/ 0 w 9114809"/>
              <a:gd name="connsiteY4" fmla="*/ 542140 h 5497333"/>
              <a:gd name="connsiteX0" fmla="*/ 0 w 9114809"/>
              <a:gd name="connsiteY0" fmla="*/ 542140 h 5677228"/>
              <a:gd name="connsiteX1" fmla="*/ 9114809 w 9114809"/>
              <a:gd name="connsiteY1" fmla="*/ 0 h 5677228"/>
              <a:gd name="connsiteX2" fmla="*/ 8877165 w 9114809"/>
              <a:gd name="connsiteY2" fmla="*/ 5145825 h 5677228"/>
              <a:gd name="connsiteX3" fmla="*/ 5177 w 9114809"/>
              <a:gd name="connsiteY3" fmla="*/ 5677228 h 5677228"/>
              <a:gd name="connsiteX4" fmla="*/ 0 w 9114809"/>
              <a:gd name="connsiteY4" fmla="*/ 542140 h 5677228"/>
              <a:gd name="connsiteX0" fmla="*/ 0 w 9114809"/>
              <a:gd name="connsiteY0" fmla="*/ 542140 h 5677228"/>
              <a:gd name="connsiteX1" fmla="*/ 9114809 w 9114809"/>
              <a:gd name="connsiteY1" fmla="*/ 0 h 5677228"/>
              <a:gd name="connsiteX2" fmla="*/ 9048615 w 9114809"/>
              <a:gd name="connsiteY2" fmla="*/ 5096442 h 5677228"/>
              <a:gd name="connsiteX3" fmla="*/ 5177 w 9114809"/>
              <a:gd name="connsiteY3" fmla="*/ 5677228 h 5677228"/>
              <a:gd name="connsiteX4" fmla="*/ 0 w 9114809"/>
              <a:gd name="connsiteY4" fmla="*/ 542140 h 5677228"/>
              <a:gd name="connsiteX0" fmla="*/ 0 w 9114809"/>
              <a:gd name="connsiteY0" fmla="*/ 542140 h 5677228"/>
              <a:gd name="connsiteX1" fmla="*/ 9114809 w 9114809"/>
              <a:gd name="connsiteY1" fmla="*/ 0 h 5677228"/>
              <a:gd name="connsiteX2" fmla="*/ 9086715 w 9114809"/>
              <a:gd name="connsiteY2" fmla="*/ 5099970 h 5677228"/>
              <a:gd name="connsiteX3" fmla="*/ 5177 w 9114809"/>
              <a:gd name="connsiteY3" fmla="*/ 5677228 h 5677228"/>
              <a:gd name="connsiteX4" fmla="*/ 0 w 9114809"/>
              <a:gd name="connsiteY4" fmla="*/ 542140 h 5677228"/>
              <a:gd name="connsiteX0" fmla="*/ 0 w 9121640"/>
              <a:gd name="connsiteY0" fmla="*/ 542140 h 5677228"/>
              <a:gd name="connsiteX1" fmla="*/ 9114809 w 9121640"/>
              <a:gd name="connsiteY1" fmla="*/ 0 h 5677228"/>
              <a:gd name="connsiteX2" fmla="*/ 9121640 w 9121640"/>
              <a:gd name="connsiteY2" fmla="*/ 5099970 h 5677228"/>
              <a:gd name="connsiteX3" fmla="*/ 5177 w 9121640"/>
              <a:gd name="connsiteY3" fmla="*/ 5677228 h 5677228"/>
              <a:gd name="connsiteX4" fmla="*/ 0 w 9121640"/>
              <a:gd name="connsiteY4" fmla="*/ 542140 h 5677228"/>
              <a:gd name="connsiteX0" fmla="*/ 0 w 9114809"/>
              <a:gd name="connsiteY0" fmla="*/ 542140 h 5677228"/>
              <a:gd name="connsiteX1" fmla="*/ 9114809 w 9114809"/>
              <a:gd name="connsiteY1" fmla="*/ 0 h 5677228"/>
              <a:gd name="connsiteX2" fmla="*/ 9102590 w 9114809"/>
              <a:gd name="connsiteY2" fmla="*/ 5096442 h 5677228"/>
              <a:gd name="connsiteX3" fmla="*/ 5177 w 9114809"/>
              <a:gd name="connsiteY3" fmla="*/ 5677228 h 5677228"/>
              <a:gd name="connsiteX4" fmla="*/ 0 w 9114809"/>
              <a:gd name="connsiteY4" fmla="*/ 542140 h 5677228"/>
              <a:gd name="connsiteX0" fmla="*/ 0 w 9115290"/>
              <a:gd name="connsiteY0" fmla="*/ 542140 h 5677228"/>
              <a:gd name="connsiteX1" fmla="*/ 9114809 w 9115290"/>
              <a:gd name="connsiteY1" fmla="*/ 0 h 5677228"/>
              <a:gd name="connsiteX2" fmla="*/ 9115290 w 9115290"/>
              <a:gd name="connsiteY2" fmla="*/ 5099970 h 5677228"/>
              <a:gd name="connsiteX3" fmla="*/ 5177 w 9115290"/>
              <a:gd name="connsiteY3" fmla="*/ 5677228 h 5677228"/>
              <a:gd name="connsiteX4" fmla="*/ 0 w 9115290"/>
              <a:gd name="connsiteY4" fmla="*/ 542140 h 5677228"/>
              <a:gd name="connsiteX0" fmla="*/ 1179 w 9116469"/>
              <a:gd name="connsiteY0" fmla="*/ 542140 h 5680755"/>
              <a:gd name="connsiteX1" fmla="*/ 9115988 w 9116469"/>
              <a:gd name="connsiteY1" fmla="*/ 0 h 5680755"/>
              <a:gd name="connsiteX2" fmla="*/ 9116469 w 9116469"/>
              <a:gd name="connsiteY2" fmla="*/ 5099970 h 5680755"/>
              <a:gd name="connsiteX3" fmla="*/ 6 w 9116469"/>
              <a:gd name="connsiteY3" fmla="*/ 5680755 h 5680755"/>
              <a:gd name="connsiteX4" fmla="*/ 1179 w 9116469"/>
              <a:gd name="connsiteY4" fmla="*/ 542140 h 568075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9116469" h="5680755">
                <a:moveTo>
                  <a:pt x="1179" y="542140"/>
                </a:moveTo>
                <a:lnTo>
                  <a:pt x="9115988" y="0"/>
                </a:lnTo>
                <a:cubicBezTo>
                  <a:pt x="9116148" y="1699990"/>
                  <a:pt x="9116309" y="3399980"/>
                  <a:pt x="9116469" y="5099970"/>
                </a:cubicBezTo>
                <a:lnTo>
                  <a:pt x="6" y="5680755"/>
                </a:lnTo>
                <a:cubicBezTo>
                  <a:pt x="-104" y="3695164"/>
                  <a:pt x="1289" y="2527731"/>
                  <a:pt x="1179" y="542140"/>
                </a:cubicBezTo>
                <a:close/>
              </a:path>
            </a:pathLst>
          </a:custGeom>
          <a:solidFill>
            <a:srgbClr val="B3B4B3"/>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14" name="Freeform 13">
            <a:extLst>
              <a:ext uri="{FF2B5EF4-FFF2-40B4-BE49-F238E27FC236}">
                <a16:creationId xmlns:a16="http://schemas.microsoft.com/office/drawing/2014/main" id="{F13D60E0-B7D1-FE40-9A2F-8EF31BA5F1CF}"/>
              </a:ext>
            </a:extLst>
          </p:cNvPr>
          <p:cNvSpPr/>
          <p:nvPr userDrawn="1"/>
        </p:nvSpPr>
        <p:spPr>
          <a:xfrm>
            <a:off x="9644093" y="762663"/>
            <a:ext cx="2542990" cy="5062482"/>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112"/>
              <a:gd name="connsiteY0" fmla="*/ 542140 h 6500326"/>
              <a:gd name="connsiteX1" fmla="*/ 9114809 w 11524112"/>
              <a:gd name="connsiteY1" fmla="*/ 0 h 6500326"/>
              <a:gd name="connsiteX2" fmla="*/ 11524112 w 11524112"/>
              <a:gd name="connsiteY2" fmla="*/ 6500326 h 6500326"/>
              <a:gd name="connsiteX3" fmla="*/ 331 w 11524112"/>
              <a:gd name="connsiteY3" fmla="*/ 6495386 h 6500326"/>
              <a:gd name="connsiteX4" fmla="*/ 0 w 11524112"/>
              <a:gd name="connsiteY4" fmla="*/ 542140 h 6500326"/>
              <a:gd name="connsiteX0" fmla="*/ 0 w 9114809"/>
              <a:gd name="connsiteY0" fmla="*/ 542140 h 6495385"/>
              <a:gd name="connsiteX1" fmla="*/ 9114809 w 9114809"/>
              <a:gd name="connsiteY1" fmla="*/ 0 h 6495385"/>
              <a:gd name="connsiteX2" fmla="*/ 8877165 w 9114809"/>
              <a:gd name="connsiteY2" fmla="*/ 5145825 h 6495385"/>
              <a:gd name="connsiteX3" fmla="*/ 331 w 9114809"/>
              <a:gd name="connsiteY3" fmla="*/ 6495386 h 6495385"/>
              <a:gd name="connsiteX4" fmla="*/ 0 w 9114809"/>
              <a:gd name="connsiteY4" fmla="*/ 542140 h 6495385"/>
              <a:gd name="connsiteX0" fmla="*/ 0 w 9114809"/>
              <a:gd name="connsiteY0" fmla="*/ 542140 h 5145825"/>
              <a:gd name="connsiteX1" fmla="*/ 9114809 w 9114809"/>
              <a:gd name="connsiteY1" fmla="*/ 0 h 5145825"/>
              <a:gd name="connsiteX2" fmla="*/ 8877165 w 9114809"/>
              <a:gd name="connsiteY2" fmla="*/ 5145825 h 5145825"/>
              <a:gd name="connsiteX3" fmla="*/ 497636 w 9114809"/>
              <a:gd name="connsiteY3" fmla="*/ 4695326 h 5145825"/>
              <a:gd name="connsiteX4" fmla="*/ 0 w 9114809"/>
              <a:gd name="connsiteY4" fmla="*/ 542140 h 5145825"/>
              <a:gd name="connsiteX0" fmla="*/ 0 w 9114809"/>
              <a:gd name="connsiteY0" fmla="*/ 542140 h 5497333"/>
              <a:gd name="connsiteX1" fmla="*/ 9114809 w 9114809"/>
              <a:gd name="connsiteY1" fmla="*/ 0 h 5497333"/>
              <a:gd name="connsiteX2" fmla="*/ 8877165 w 9114809"/>
              <a:gd name="connsiteY2" fmla="*/ 5145825 h 5497333"/>
              <a:gd name="connsiteX3" fmla="*/ 160752 w 9114809"/>
              <a:gd name="connsiteY3" fmla="*/ 5497333 h 5497333"/>
              <a:gd name="connsiteX4" fmla="*/ 0 w 9114809"/>
              <a:gd name="connsiteY4" fmla="*/ 542140 h 5497333"/>
              <a:gd name="connsiteX0" fmla="*/ 0 w 9114809"/>
              <a:gd name="connsiteY0" fmla="*/ 542140 h 5677228"/>
              <a:gd name="connsiteX1" fmla="*/ 9114809 w 9114809"/>
              <a:gd name="connsiteY1" fmla="*/ 0 h 5677228"/>
              <a:gd name="connsiteX2" fmla="*/ 8877165 w 9114809"/>
              <a:gd name="connsiteY2" fmla="*/ 5145825 h 5677228"/>
              <a:gd name="connsiteX3" fmla="*/ 5177 w 9114809"/>
              <a:gd name="connsiteY3" fmla="*/ 5677228 h 5677228"/>
              <a:gd name="connsiteX4" fmla="*/ 0 w 9114809"/>
              <a:gd name="connsiteY4" fmla="*/ 542140 h 5677228"/>
              <a:gd name="connsiteX0" fmla="*/ 0 w 9114809"/>
              <a:gd name="connsiteY0" fmla="*/ 542140 h 5677228"/>
              <a:gd name="connsiteX1" fmla="*/ 9114809 w 9114809"/>
              <a:gd name="connsiteY1" fmla="*/ 0 h 5677228"/>
              <a:gd name="connsiteX2" fmla="*/ 9048615 w 9114809"/>
              <a:gd name="connsiteY2" fmla="*/ 5096442 h 5677228"/>
              <a:gd name="connsiteX3" fmla="*/ 5177 w 9114809"/>
              <a:gd name="connsiteY3" fmla="*/ 5677228 h 5677228"/>
              <a:gd name="connsiteX4" fmla="*/ 0 w 9114809"/>
              <a:gd name="connsiteY4" fmla="*/ 542140 h 5677228"/>
              <a:gd name="connsiteX0" fmla="*/ 0 w 9114809"/>
              <a:gd name="connsiteY0" fmla="*/ 542140 h 5677228"/>
              <a:gd name="connsiteX1" fmla="*/ 9114809 w 9114809"/>
              <a:gd name="connsiteY1" fmla="*/ 0 h 5677228"/>
              <a:gd name="connsiteX2" fmla="*/ 9086715 w 9114809"/>
              <a:gd name="connsiteY2" fmla="*/ 5099970 h 5677228"/>
              <a:gd name="connsiteX3" fmla="*/ 5177 w 9114809"/>
              <a:gd name="connsiteY3" fmla="*/ 5677228 h 5677228"/>
              <a:gd name="connsiteX4" fmla="*/ 0 w 9114809"/>
              <a:gd name="connsiteY4" fmla="*/ 542140 h 5677228"/>
              <a:gd name="connsiteX0" fmla="*/ 0 w 9121640"/>
              <a:gd name="connsiteY0" fmla="*/ 542140 h 5677228"/>
              <a:gd name="connsiteX1" fmla="*/ 9114809 w 9121640"/>
              <a:gd name="connsiteY1" fmla="*/ 0 h 5677228"/>
              <a:gd name="connsiteX2" fmla="*/ 9121640 w 9121640"/>
              <a:gd name="connsiteY2" fmla="*/ 5099970 h 5677228"/>
              <a:gd name="connsiteX3" fmla="*/ 5177 w 9121640"/>
              <a:gd name="connsiteY3" fmla="*/ 5677228 h 5677228"/>
              <a:gd name="connsiteX4" fmla="*/ 0 w 9121640"/>
              <a:gd name="connsiteY4" fmla="*/ 542140 h 5677228"/>
              <a:gd name="connsiteX0" fmla="*/ 0 w 9114809"/>
              <a:gd name="connsiteY0" fmla="*/ 542140 h 5677228"/>
              <a:gd name="connsiteX1" fmla="*/ 9114809 w 9114809"/>
              <a:gd name="connsiteY1" fmla="*/ 0 h 5677228"/>
              <a:gd name="connsiteX2" fmla="*/ 9102590 w 9114809"/>
              <a:gd name="connsiteY2" fmla="*/ 5096442 h 5677228"/>
              <a:gd name="connsiteX3" fmla="*/ 5177 w 9114809"/>
              <a:gd name="connsiteY3" fmla="*/ 5677228 h 5677228"/>
              <a:gd name="connsiteX4" fmla="*/ 0 w 9114809"/>
              <a:gd name="connsiteY4" fmla="*/ 542140 h 5677228"/>
              <a:gd name="connsiteX0" fmla="*/ 0 w 9115290"/>
              <a:gd name="connsiteY0" fmla="*/ 542140 h 5677228"/>
              <a:gd name="connsiteX1" fmla="*/ 9114809 w 9115290"/>
              <a:gd name="connsiteY1" fmla="*/ 0 h 5677228"/>
              <a:gd name="connsiteX2" fmla="*/ 9115290 w 9115290"/>
              <a:gd name="connsiteY2" fmla="*/ 5099970 h 5677228"/>
              <a:gd name="connsiteX3" fmla="*/ 5177 w 9115290"/>
              <a:gd name="connsiteY3" fmla="*/ 5677228 h 5677228"/>
              <a:gd name="connsiteX4" fmla="*/ 0 w 9115290"/>
              <a:gd name="connsiteY4" fmla="*/ 542140 h 5677228"/>
              <a:gd name="connsiteX0" fmla="*/ 1179 w 9116469"/>
              <a:gd name="connsiteY0" fmla="*/ 542140 h 5680755"/>
              <a:gd name="connsiteX1" fmla="*/ 9115988 w 9116469"/>
              <a:gd name="connsiteY1" fmla="*/ 0 h 5680755"/>
              <a:gd name="connsiteX2" fmla="*/ 9116469 w 9116469"/>
              <a:gd name="connsiteY2" fmla="*/ 5099970 h 5680755"/>
              <a:gd name="connsiteX3" fmla="*/ 6 w 9116469"/>
              <a:gd name="connsiteY3" fmla="*/ 5680755 h 5680755"/>
              <a:gd name="connsiteX4" fmla="*/ 1179 w 9116469"/>
              <a:gd name="connsiteY4" fmla="*/ 542140 h 5680755"/>
              <a:gd name="connsiteX0" fmla="*/ 33753 w 9116465"/>
              <a:gd name="connsiteY0" fmla="*/ 0 h 6223363"/>
              <a:gd name="connsiteX1" fmla="*/ 9115984 w 9116465"/>
              <a:gd name="connsiteY1" fmla="*/ 542608 h 6223363"/>
              <a:gd name="connsiteX2" fmla="*/ 9116465 w 9116465"/>
              <a:gd name="connsiteY2" fmla="*/ 5642578 h 6223363"/>
              <a:gd name="connsiteX3" fmla="*/ 2 w 9116465"/>
              <a:gd name="connsiteY3" fmla="*/ 6223363 h 6223363"/>
              <a:gd name="connsiteX4" fmla="*/ 33753 w 9116465"/>
              <a:gd name="connsiteY4" fmla="*/ 0 h 6223363"/>
              <a:gd name="connsiteX0" fmla="*/ 0 w 9082712"/>
              <a:gd name="connsiteY0" fmla="*/ 0 h 5642577"/>
              <a:gd name="connsiteX1" fmla="*/ 9082231 w 9082712"/>
              <a:gd name="connsiteY1" fmla="*/ 542608 h 5642577"/>
              <a:gd name="connsiteX2" fmla="*/ 9082712 w 9082712"/>
              <a:gd name="connsiteY2" fmla="*/ 5642578 h 5642577"/>
              <a:gd name="connsiteX3" fmla="*/ 357188 w 9082712"/>
              <a:gd name="connsiteY3" fmla="*/ 4845905 h 5642577"/>
              <a:gd name="connsiteX4" fmla="*/ 0 w 9082712"/>
              <a:gd name="connsiteY4" fmla="*/ 0 h 5642577"/>
              <a:gd name="connsiteX0" fmla="*/ 0 w 9082712"/>
              <a:gd name="connsiteY0" fmla="*/ 0 h 5642578"/>
              <a:gd name="connsiteX1" fmla="*/ 9082231 w 9082712"/>
              <a:gd name="connsiteY1" fmla="*/ 542608 h 5642578"/>
              <a:gd name="connsiteX2" fmla="*/ 9082712 w 9082712"/>
              <a:gd name="connsiteY2" fmla="*/ 5642578 h 5642578"/>
              <a:gd name="connsiteX3" fmla="*/ 96562 w 9082712"/>
              <a:gd name="connsiteY3" fmla="*/ 4983652 h 5642578"/>
              <a:gd name="connsiteX4" fmla="*/ 0 w 9082712"/>
              <a:gd name="connsiteY4" fmla="*/ 0 h 5642578"/>
              <a:gd name="connsiteX0" fmla="*/ 0 w 9082712"/>
              <a:gd name="connsiteY0" fmla="*/ 0 h 5642578"/>
              <a:gd name="connsiteX1" fmla="*/ 4912221 w 9082712"/>
              <a:gd name="connsiteY1" fmla="*/ 301553 h 5642578"/>
              <a:gd name="connsiteX2" fmla="*/ 9082712 w 9082712"/>
              <a:gd name="connsiteY2" fmla="*/ 5642578 h 5642578"/>
              <a:gd name="connsiteX3" fmla="*/ 96562 w 9082712"/>
              <a:gd name="connsiteY3" fmla="*/ 4983652 h 5642578"/>
              <a:gd name="connsiteX4" fmla="*/ 0 w 9082712"/>
              <a:gd name="connsiteY4" fmla="*/ 0 h 5642578"/>
              <a:gd name="connsiteX0" fmla="*/ 0 w 4912221"/>
              <a:gd name="connsiteY0" fmla="*/ 0 h 5367087"/>
              <a:gd name="connsiteX1" fmla="*/ 4912221 w 4912221"/>
              <a:gd name="connsiteY1" fmla="*/ 301553 h 5367087"/>
              <a:gd name="connsiteX2" fmla="*/ 4652077 w 4912221"/>
              <a:gd name="connsiteY2" fmla="*/ 5367087 h 5367087"/>
              <a:gd name="connsiteX3" fmla="*/ 96562 w 4912221"/>
              <a:gd name="connsiteY3" fmla="*/ 4983652 h 5367087"/>
              <a:gd name="connsiteX4" fmla="*/ 0 w 4912221"/>
              <a:gd name="connsiteY4" fmla="*/ 0 h 5367087"/>
              <a:gd name="connsiteX0" fmla="*/ 0 w 4938917"/>
              <a:gd name="connsiteY0" fmla="*/ 0 h 5360032"/>
              <a:gd name="connsiteX1" fmla="*/ 4938917 w 4938917"/>
              <a:gd name="connsiteY1" fmla="*/ 294498 h 5360032"/>
              <a:gd name="connsiteX2" fmla="*/ 4678773 w 4938917"/>
              <a:gd name="connsiteY2" fmla="*/ 5360032 h 5360032"/>
              <a:gd name="connsiteX3" fmla="*/ 123258 w 4938917"/>
              <a:gd name="connsiteY3" fmla="*/ 4976597 h 5360032"/>
              <a:gd name="connsiteX4" fmla="*/ 0 w 4938917"/>
              <a:gd name="connsiteY4" fmla="*/ 0 h 5360032"/>
              <a:gd name="connsiteX0" fmla="*/ 0 w 4932243"/>
              <a:gd name="connsiteY0" fmla="*/ 0 h 5363559"/>
              <a:gd name="connsiteX1" fmla="*/ 4932243 w 4932243"/>
              <a:gd name="connsiteY1" fmla="*/ 298025 h 5363559"/>
              <a:gd name="connsiteX2" fmla="*/ 4672099 w 4932243"/>
              <a:gd name="connsiteY2" fmla="*/ 5363559 h 5363559"/>
              <a:gd name="connsiteX3" fmla="*/ 116584 w 4932243"/>
              <a:gd name="connsiteY3" fmla="*/ 4980124 h 5363559"/>
              <a:gd name="connsiteX4" fmla="*/ 0 w 4932243"/>
              <a:gd name="connsiteY4" fmla="*/ 0 h 5363559"/>
              <a:gd name="connsiteX0" fmla="*/ 10222 w 4942465"/>
              <a:gd name="connsiteY0" fmla="*/ 0 h 5363559"/>
              <a:gd name="connsiteX1" fmla="*/ 4942465 w 4942465"/>
              <a:gd name="connsiteY1" fmla="*/ 298025 h 5363559"/>
              <a:gd name="connsiteX2" fmla="*/ 4682321 w 4942465"/>
              <a:gd name="connsiteY2" fmla="*/ 5363559 h 5363559"/>
              <a:gd name="connsiteX3" fmla="*/ 0 w 4942465"/>
              <a:gd name="connsiteY3" fmla="*/ 5107108 h 5363559"/>
              <a:gd name="connsiteX4" fmla="*/ 10222 w 4942465"/>
              <a:gd name="connsiteY4" fmla="*/ 0 h 5363559"/>
              <a:gd name="connsiteX0" fmla="*/ 3550 w 4935793"/>
              <a:gd name="connsiteY0" fmla="*/ 0 h 5363559"/>
              <a:gd name="connsiteX1" fmla="*/ 4935793 w 4935793"/>
              <a:gd name="connsiteY1" fmla="*/ 298025 h 5363559"/>
              <a:gd name="connsiteX2" fmla="*/ 4675649 w 4935793"/>
              <a:gd name="connsiteY2" fmla="*/ 5363559 h 5363559"/>
              <a:gd name="connsiteX3" fmla="*/ 2 w 4935793"/>
              <a:gd name="connsiteY3" fmla="*/ 5107108 h 5363559"/>
              <a:gd name="connsiteX4" fmla="*/ 3550 w 4935793"/>
              <a:gd name="connsiteY4" fmla="*/ 0 h 5363559"/>
              <a:gd name="connsiteX0" fmla="*/ 0 w 4932243"/>
              <a:gd name="connsiteY0" fmla="*/ 0 h 5363559"/>
              <a:gd name="connsiteX1" fmla="*/ 4932243 w 4932243"/>
              <a:gd name="connsiteY1" fmla="*/ 298025 h 5363559"/>
              <a:gd name="connsiteX2" fmla="*/ 4672099 w 4932243"/>
              <a:gd name="connsiteY2" fmla="*/ 5363559 h 5363559"/>
              <a:gd name="connsiteX3" fmla="*/ 3126 w 4932243"/>
              <a:gd name="connsiteY3" fmla="*/ 5092999 h 5363559"/>
              <a:gd name="connsiteX4" fmla="*/ 0 w 4932243"/>
              <a:gd name="connsiteY4" fmla="*/ 0 h 5363559"/>
              <a:gd name="connsiteX0" fmla="*/ 0 w 4932243"/>
              <a:gd name="connsiteY0" fmla="*/ 0 h 5092999"/>
              <a:gd name="connsiteX1" fmla="*/ 4932243 w 4932243"/>
              <a:gd name="connsiteY1" fmla="*/ 298025 h 5092999"/>
              <a:gd name="connsiteX2" fmla="*/ 4832276 w 4932243"/>
              <a:gd name="connsiteY2" fmla="*/ 5024934 h 5092999"/>
              <a:gd name="connsiteX3" fmla="*/ 3126 w 4932243"/>
              <a:gd name="connsiteY3" fmla="*/ 5092999 h 5092999"/>
              <a:gd name="connsiteX4" fmla="*/ 0 w 4932243"/>
              <a:gd name="connsiteY4" fmla="*/ 0 h 5092999"/>
              <a:gd name="connsiteX0" fmla="*/ 0 w 5052375"/>
              <a:gd name="connsiteY0" fmla="*/ 0 h 5092999"/>
              <a:gd name="connsiteX1" fmla="*/ 5052375 w 5052375"/>
              <a:gd name="connsiteY1" fmla="*/ 209841 h 5092999"/>
              <a:gd name="connsiteX2" fmla="*/ 4832276 w 5052375"/>
              <a:gd name="connsiteY2" fmla="*/ 5024934 h 5092999"/>
              <a:gd name="connsiteX3" fmla="*/ 3126 w 5052375"/>
              <a:gd name="connsiteY3" fmla="*/ 5092999 h 5092999"/>
              <a:gd name="connsiteX4" fmla="*/ 0 w 5052375"/>
              <a:gd name="connsiteY4" fmla="*/ 0 h 5092999"/>
              <a:gd name="connsiteX0" fmla="*/ 10222 w 5062597"/>
              <a:gd name="connsiteY0" fmla="*/ 0 h 5100054"/>
              <a:gd name="connsiteX1" fmla="*/ 5062597 w 5062597"/>
              <a:gd name="connsiteY1" fmla="*/ 209841 h 5100054"/>
              <a:gd name="connsiteX2" fmla="*/ 4842498 w 5062597"/>
              <a:gd name="connsiteY2" fmla="*/ 5024934 h 5100054"/>
              <a:gd name="connsiteX3" fmla="*/ 0 w 5062597"/>
              <a:gd name="connsiteY3" fmla="*/ 5100054 h 5100054"/>
              <a:gd name="connsiteX4" fmla="*/ 10222 w 5062597"/>
              <a:gd name="connsiteY4" fmla="*/ 0 h 5100054"/>
              <a:gd name="connsiteX0" fmla="*/ 0 w 5052375"/>
              <a:gd name="connsiteY0" fmla="*/ 0 h 5103581"/>
              <a:gd name="connsiteX1" fmla="*/ 5052375 w 5052375"/>
              <a:gd name="connsiteY1" fmla="*/ 209841 h 5103581"/>
              <a:gd name="connsiteX2" fmla="*/ 4832276 w 5052375"/>
              <a:gd name="connsiteY2" fmla="*/ 5024934 h 5103581"/>
              <a:gd name="connsiteX3" fmla="*/ 3126 w 5052375"/>
              <a:gd name="connsiteY3" fmla="*/ 5103581 h 5103581"/>
              <a:gd name="connsiteX4" fmla="*/ 0 w 5052375"/>
              <a:gd name="connsiteY4" fmla="*/ 0 h 5103581"/>
              <a:gd name="connsiteX0" fmla="*/ 0 w 5052375"/>
              <a:gd name="connsiteY0" fmla="*/ 0 h 5303905"/>
              <a:gd name="connsiteX1" fmla="*/ 5052375 w 5052375"/>
              <a:gd name="connsiteY1" fmla="*/ 209841 h 5303905"/>
              <a:gd name="connsiteX2" fmla="*/ 5041417 w 5052375"/>
              <a:gd name="connsiteY2" fmla="*/ 5303905 h 5303905"/>
              <a:gd name="connsiteX3" fmla="*/ 3126 w 5052375"/>
              <a:gd name="connsiteY3" fmla="*/ 5103581 h 5303905"/>
              <a:gd name="connsiteX4" fmla="*/ 0 w 5052375"/>
              <a:gd name="connsiteY4" fmla="*/ 0 h 5303905"/>
              <a:gd name="connsiteX0" fmla="*/ 0 w 5052388"/>
              <a:gd name="connsiteY0" fmla="*/ 0 h 5314433"/>
              <a:gd name="connsiteX1" fmla="*/ 5052375 w 5052388"/>
              <a:gd name="connsiteY1" fmla="*/ 209841 h 5314433"/>
              <a:gd name="connsiteX2" fmla="*/ 5051377 w 5052388"/>
              <a:gd name="connsiteY2" fmla="*/ 5314433 h 5314433"/>
              <a:gd name="connsiteX3" fmla="*/ 3126 w 5052388"/>
              <a:gd name="connsiteY3" fmla="*/ 5103581 h 5314433"/>
              <a:gd name="connsiteX4" fmla="*/ 0 w 5052388"/>
              <a:gd name="connsiteY4" fmla="*/ 0 h 531443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052388" h="5314433">
                <a:moveTo>
                  <a:pt x="0" y="0"/>
                </a:moveTo>
                <a:lnTo>
                  <a:pt x="5052375" y="209841"/>
                </a:lnTo>
                <a:cubicBezTo>
                  <a:pt x="5052535" y="1909831"/>
                  <a:pt x="5051217" y="3614443"/>
                  <a:pt x="5051377" y="5314433"/>
                </a:cubicBezTo>
                <a:lnTo>
                  <a:pt x="3126" y="5103581"/>
                </a:lnTo>
                <a:cubicBezTo>
                  <a:pt x="3016" y="3117990"/>
                  <a:pt x="110" y="1985591"/>
                  <a:pt x="0" y="0"/>
                </a:cubicBezTo>
                <a:close/>
              </a:path>
            </a:pathLst>
          </a:custGeom>
          <a:solidFill>
            <a:srgbClr val="8A8B8A"/>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2" name="Title 1"/>
          <p:cNvSpPr>
            <a:spLocks noGrp="1"/>
          </p:cNvSpPr>
          <p:nvPr>
            <p:ph type="ctrTitle" hasCustomPrompt="1"/>
          </p:nvPr>
        </p:nvSpPr>
        <p:spPr>
          <a:xfrm>
            <a:off x="614203" y="1410908"/>
            <a:ext cx="8750684" cy="1492235"/>
          </a:xfrm>
          <a:prstGeom prst="rect">
            <a:avLst/>
          </a:prstGeom>
        </p:spPr>
        <p:txBody>
          <a:bodyPr anchor="b" anchorCtr="0">
            <a:normAutofit/>
          </a:bodyPr>
          <a:lstStyle>
            <a:lvl1pPr algn="l">
              <a:defRPr lang="da-DK" sz="4867" spc="0" baseline="0" smtClean="0">
                <a:solidFill>
                  <a:schemeClr val="bg1"/>
                </a:solidFill>
                <a:effectLst/>
                <a:latin typeface="+mj-lt"/>
                <a:ea typeface="Open Sans" panose="020B0606030504020204" pitchFamily="34" charset="0"/>
                <a:cs typeface="Open Sans" panose="020B0606030504020204" pitchFamily="34" charset="0"/>
              </a:defRPr>
            </a:lvl1pPr>
          </a:lstStyle>
          <a:p>
            <a:r>
              <a:rPr lang="da-DK" dirty="0"/>
              <a:t>Klik for at tilføje titel</a:t>
            </a:r>
          </a:p>
        </p:txBody>
      </p:sp>
      <p:sp>
        <p:nvSpPr>
          <p:cNvPr id="3" name="Subtitle 2"/>
          <p:cNvSpPr>
            <a:spLocks noGrp="1"/>
          </p:cNvSpPr>
          <p:nvPr>
            <p:ph type="subTitle" idx="1" hasCustomPrompt="1"/>
          </p:nvPr>
        </p:nvSpPr>
        <p:spPr>
          <a:xfrm>
            <a:off x="614203" y="3039227"/>
            <a:ext cx="8750684" cy="1655762"/>
          </a:xfrm>
          <a:prstGeom prst="rect">
            <a:avLst/>
          </a:prstGeom>
        </p:spPr>
        <p:txBody>
          <a:bodyPr anchor="ctr" anchorCtr="0"/>
          <a:lstStyle>
            <a:lvl1pPr marL="0" indent="0" algn="l">
              <a:buNone/>
              <a:defRPr lang="da-DK" sz="2751" smtClean="0">
                <a:solidFill>
                  <a:schemeClr val="bg1"/>
                </a:solidFill>
                <a:effectLst/>
                <a:latin typeface="+mn-lt"/>
                <a:ea typeface="Open Sans" panose="020B0606030504020204" pitchFamily="34" charset="0"/>
                <a:cs typeface="Open Sans" panose="020B0606030504020204" pitchFamily="34" charset="0"/>
              </a:defRPr>
            </a:lvl1pPr>
            <a:lvl2pPr marL="457064" indent="0" algn="ctr">
              <a:buNone/>
              <a:defRPr sz="2000"/>
            </a:lvl2pPr>
            <a:lvl3pPr marL="914130" indent="0" algn="ctr">
              <a:buNone/>
              <a:defRPr sz="1800"/>
            </a:lvl3pPr>
            <a:lvl4pPr marL="1371194" indent="0" algn="ctr">
              <a:buNone/>
              <a:defRPr sz="1600"/>
            </a:lvl4pPr>
            <a:lvl5pPr marL="1828259" indent="0" algn="ctr">
              <a:buNone/>
              <a:defRPr sz="1600"/>
            </a:lvl5pPr>
            <a:lvl6pPr marL="2285323" indent="0" algn="ctr">
              <a:buNone/>
              <a:defRPr sz="1600"/>
            </a:lvl6pPr>
            <a:lvl7pPr marL="2742389" indent="0" algn="ctr">
              <a:buNone/>
              <a:defRPr sz="1600"/>
            </a:lvl7pPr>
            <a:lvl8pPr marL="3199453" indent="0" algn="ctr">
              <a:buNone/>
              <a:defRPr sz="1600"/>
            </a:lvl8pPr>
            <a:lvl9pPr marL="3656518" indent="0" algn="ctr">
              <a:buNone/>
              <a:defRPr sz="1600"/>
            </a:lvl9pPr>
          </a:lstStyle>
          <a:p>
            <a:r>
              <a:rPr lang="da-DK" dirty="0"/>
              <a:t>Klik for at tilføje undertitel</a:t>
            </a:r>
          </a:p>
        </p:txBody>
      </p:sp>
      <p:sp>
        <p:nvSpPr>
          <p:cNvPr id="8" name="Freeform: Shape 7">
            <a:extLst>
              <a:ext uri="{FF2B5EF4-FFF2-40B4-BE49-F238E27FC236}">
                <a16:creationId xmlns:a16="http://schemas.microsoft.com/office/drawing/2014/main" id="{73DF4F79-6B32-4231-B6A7-ACB6B7267608}"/>
              </a:ext>
            </a:extLst>
          </p:cNvPr>
          <p:cNvSpPr/>
          <p:nvPr userDrawn="1"/>
        </p:nvSpPr>
        <p:spPr>
          <a:xfrm>
            <a:off x="-1" y="0"/>
            <a:ext cx="12193066" cy="1273923"/>
          </a:xfrm>
          <a:custGeom>
            <a:avLst/>
            <a:gdLst>
              <a:gd name="connsiteX0" fmla="*/ 0 w 11524496"/>
              <a:gd name="connsiteY0" fmla="*/ 0 h 1203739"/>
              <a:gd name="connsiteX1" fmla="*/ 11524496 w 11524496"/>
              <a:gd name="connsiteY1" fmla="*/ 0 h 1203739"/>
              <a:gd name="connsiteX2" fmla="*/ 11524496 w 11524496"/>
              <a:gd name="connsiteY2" fmla="*/ 1203739 h 1203739"/>
              <a:gd name="connsiteX3" fmla="*/ 11521131 w 11524496"/>
              <a:gd name="connsiteY3" fmla="*/ 1203739 h 1203739"/>
              <a:gd name="connsiteX4" fmla="*/ 11520937 w 11524496"/>
              <a:gd name="connsiteY4" fmla="*/ 891268 h 1203739"/>
              <a:gd name="connsiteX5" fmla="*/ 11520489 w 11524496"/>
              <a:gd name="connsiteY5" fmla="*/ 891236 h 1203739"/>
              <a:gd name="connsiteX6" fmla="*/ 11520489 w 11524496"/>
              <a:gd name="connsiteY6" fmla="*/ 918369 h 1203739"/>
              <a:gd name="connsiteX7" fmla="*/ 11520423 w 11524496"/>
              <a:gd name="connsiteY7" fmla="*/ 918369 h 1203739"/>
              <a:gd name="connsiteX8" fmla="*/ 11520424 w 11524496"/>
              <a:gd name="connsiteY8" fmla="*/ 909525 h 1203739"/>
              <a:gd name="connsiteX9" fmla="*/ 9249210 w 11524496"/>
              <a:gd name="connsiteY9" fmla="*/ 731044 h 1203739"/>
              <a:gd name="connsiteX10" fmla="*/ 9116877 w 11524496"/>
              <a:gd name="connsiteY10" fmla="*/ 721711 h 1203739"/>
              <a:gd name="connsiteX11" fmla="*/ 9116878 w 11524496"/>
              <a:gd name="connsiteY11" fmla="*/ 728821 h 1203739"/>
              <a:gd name="connsiteX12" fmla="*/ 9116397 w 11524496"/>
              <a:gd name="connsiteY12" fmla="*/ 728821 h 1203739"/>
              <a:gd name="connsiteX13" fmla="*/ 9116396 w 11524496"/>
              <a:gd name="connsiteY13" fmla="*/ 721677 h 1203739"/>
              <a:gd name="connsiteX14" fmla="*/ 9115486 w 11524496"/>
              <a:gd name="connsiteY14" fmla="*/ 721613 h 1203739"/>
              <a:gd name="connsiteX15" fmla="*/ 117856 w 11524496"/>
              <a:gd name="connsiteY15" fmla="*/ 1203325 h 1203739"/>
              <a:gd name="connsiteX16" fmla="*/ 3 w 11524496"/>
              <a:gd name="connsiteY16" fmla="*/ 1203325 h 1203739"/>
              <a:gd name="connsiteX17" fmla="*/ 3 w 11524496"/>
              <a:gd name="connsiteY17" fmla="*/ 1203739 h 1203739"/>
              <a:gd name="connsiteX18" fmla="*/ 0 w 11524496"/>
              <a:gd name="connsiteY18" fmla="*/ 1203739 h 1203739"/>
              <a:gd name="connsiteX19" fmla="*/ 0 w 11524496"/>
              <a:gd name="connsiteY19" fmla="*/ 1162389 h 1203739"/>
              <a:gd name="connsiteX20" fmla="*/ 1 w 11524496"/>
              <a:gd name="connsiteY20" fmla="*/ 1177454 h 1203739"/>
              <a:gd name="connsiteX21" fmla="*/ 1 w 11524496"/>
              <a:gd name="connsiteY21" fmla="*/ 1162389 h 1203739"/>
              <a:gd name="connsiteX22" fmla="*/ 0 w 11524496"/>
              <a:gd name="connsiteY22" fmla="*/ 1162389 h 120373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11524496" h="1203739">
                <a:moveTo>
                  <a:pt x="0" y="0"/>
                </a:moveTo>
                <a:lnTo>
                  <a:pt x="11524496" y="0"/>
                </a:lnTo>
                <a:lnTo>
                  <a:pt x="11524496" y="1203739"/>
                </a:lnTo>
                <a:lnTo>
                  <a:pt x="11521131" y="1203739"/>
                </a:lnTo>
                <a:lnTo>
                  <a:pt x="11520937" y="891268"/>
                </a:lnTo>
                <a:lnTo>
                  <a:pt x="11520489" y="891236"/>
                </a:lnTo>
                <a:lnTo>
                  <a:pt x="11520489" y="918369"/>
                </a:lnTo>
                <a:lnTo>
                  <a:pt x="11520423" y="918369"/>
                </a:lnTo>
                <a:lnTo>
                  <a:pt x="11520424" y="909525"/>
                </a:lnTo>
                <a:lnTo>
                  <a:pt x="9249210" y="731044"/>
                </a:lnTo>
                <a:lnTo>
                  <a:pt x="9116877" y="721711"/>
                </a:lnTo>
                <a:lnTo>
                  <a:pt x="9116878" y="728821"/>
                </a:lnTo>
                <a:lnTo>
                  <a:pt x="9116397" y="728821"/>
                </a:lnTo>
                <a:lnTo>
                  <a:pt x="9116396" y="721677"/>
                </a:lnTo>
                <a:lnTo>
                  <a:pt x="9115486" y="721613"/>
                </a:lnTo>
                <a:lnTo>
                  <a:pt x="117856" y="1203325"/>
                </a:lnTo>
                <a:lnTo>
                  <a:pt x="3" y="1203325"/>
                </a:lnTo>
                <a:lnTo>
                  <a:pt x="3" y="1203739"/>
                </a:lnTo>
                <a:lnTo>
                  <a:pt x="0" y="1203739"/>
                </a:lnTo>
                <a:lnTo>
                  <a:pt x="0" y="1162389"/>
                </a:lnTo>
                <a:lnTo>
                  <a:pt x="1" y="1177454"/>
                </a:lnTo>
                <a:lnTo>
                  <a:pt x="1" y="1162389"/>
                </a:lnTo>
                <a:lnTo>
                  <a:pt x="0" y="1162389"/>
                </a:lnTo>
                <a:close/>
              </a:path>
            </a:pathLst>
          </a:custGeom>
          <a:solidFill>
            <a:srgbClr val="D9D9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err="1"/>
          </a:p>
        </p:txBody>
      </p:sp>
      <p:pic>
        <p:nvPicPr>
          <p:cNvPr id="9" name="Picture 8">
            <a:extLst>
              <a:ext uri="{FF2B5EF4-FFF2-40B4-BE49-F238E27FC236}">
                <a16:creationId xmlns:a16="http://schemas.microsoft.com/office/drawing/2014/main" id="{A238F1D2-C514-46A1-9664-7A31C9277F4A}"/>
              </a:ext>
            </a:extLst>
          </p:cNvPr>
          <p:cNvPicPr>
            <a:picLocks noChangeAspect="1"/>
          </p:cNvPicPr>
          <p:nvPr userDrawn="1"/>
        </p:nvPicPr>
        <p:blipFill>
          <a:blip r:embed="rId2"/>
          <a:stretch>
            <a:fillRect/>
          </a:stretch>
        </p:blipFill>
        <p:spPr>
          <a:xfrm>
            <a:off x="30471" y="68578"/>
            <a:ext cx="1813011" cy="1032482"/>
          </a:xfrm>
          <a:prstGeom prst="rect">
            <a:avLst/>
          </a:prstGeom>
        </p:spPr>
      </p:pic>
    </p:spTree>
    <p:extLst>
      <p:ext uri="{BB962C8B-B14F-4D97-AF65-F5344CB8AC3E}">
        <p14:creationId xmlns:p14="http://schemas.microsoft.com/office/powerpoint/2010/main" val="108810410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Breaker-slide, rø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FE13606D-9E79-174F-A198-BE7BC6697058}"/>
              </a:ext>
            </a:extLst>
          </p:cNvPr>
          <p:cNvSpPr/>
          <p:nvPr userDrawn="1"/>
        </p:nvSpPr>
        <p:spPr>
          <a:xfrm>
            <a:off x="1" y="0"/>
            <a:ext cx="12187082" cy="6159471"/>
          </a:xfrm>
          <a:prstGeom prst="rect">
            <a:avLst/>
          </a:prstGeom>
          <a:solidFill>
            <a:srgbClr val="D7D8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a:latin typeface="Open Sans" panose="020B0606030504020204" pitchFamily="34" charset="0"/>
            </a:endParaRPr>
          </a:p>
        </p:txBody>
      </p:sp>
      <p:sp>
        <p:nvSpPr>
          <p:cNvPr id="7" name="Snip Single Corner Rectangle 9">
            <a:extLst>
              <a:ext uri="{FF2B5EF4-FFF2-40B4-BE49-F238E27FC236}">
                <a16:creationId xmlns:a16="http://schemas.microsoft.com/office/drawing/2014/main" id="{A9C953DF-FB9A-9948-82D1-5F81CAE2ECA7}"/>
              </a:ext>
            </a:extLst>
          </p:cNvPr>
          <p:cNvSpPr/>
          <p:nvPr userDrawn="1"/>
        </p:nvSpPr>
        <p:spPr>
          <a:xfrm rot="10800000">
            <a:off x="0" y="2284326"/>
            <a:ext cx="9558376" cy="3875144"/>
          </a:xfrm>
          <a:custGeom>
            <a:avLst/>
            <a:gdLst>
              <a:gd name="connsiteX0" fmla="*/ 0 w 3822192"/>
              <a:gd name="connsiteY0" fmla="*/ 0 h 2615184"/>
              <a:gd name="connsiteX1" fmla="*/ 3386319 w 3822192"/>
              <a:gd name="connsiteY1" fmla="*/ 0 h 2615184"/>
              <a:gd name="connsiteX2" fmla="*/ 3822192 w 3822192"/>
              <a:gd name="connsiteY2" fmla="*/ 435873 h 2615184"/>
              <a:gd name="connsiteX3" fmla="*/ 3822192 w 3822192"/>
              <a:gd name="connsiteY3" fmla="*/ 2615184 h 2615184"/>
              <a:gd name="connsiteX4" fmla="*/ 0 w 3822192"/>
              <a:gd name="connsiteY4" fmla="*/ 2615184 h 2615184"/>
              <a:gd name="connsiteX5" fmla="*/ 0 w 3822192"/>
              <a:gd name="connsiteY5" fmla="*/ 0 h 2615184"/>
              <a:gd name="connsiteX0" fmla="*/ 0 w 3822192"/>
              <a:gd name="connsiteY0" fmla="*/ 0 h 2615184"/>
              <a:gd name="connsiteX1" fmla="*/ 3822192 w 3822192"/>
              <a:gd name="connsiteY1" fmla="*/ 435873 h 2615184"/>
              <a:gd name="connsiteX2" fmla="*/ 3822192 w 3822192"/>
              <a:gd name="connsiteY2" fmla="*/ 2615184 h 2615184"/>
              <a:gd name="connsiteX3" fmla="*/ 0 w 3822192"/>
              <a:gd name="connsiteY3" fmla="*/ 2615184 h 2615184"/>
              <a:gd name="connsiteX4" fmla="*/ 0 w 3822192"/>
              <a:gd name="connsiteY4" fmla="*/ 0 h 2615184"/>
              <a:gd name="connsiteX0" fmla="*/ 0 w 3822192"/>
              <a:gd name="connsiteY0" fmla="*/ 431460 h 3046644"/>
              <a:gd name="connsiteX1" fmla="*/ 3822192 w 3822192"/>
              <a:gd name="connsiteY1" fmla="*/ 0 h 3046644"/>
              <a:gd name="connsiteX2" fmla="*/ 3822192 w 3822192"/>
              <a:gd name="connsiteY2" fmla="*/ 3046644 h 3046644"/>
              <a:gd name="connsiteX3" fmla="*/ 0 w 3822192"/>
              <a:gd name="connsiteY3" fmla="*/ 3046644 h 3046644"/>
              <a:gd name="connsiteX4" fmla="*/ 0 w 3822192"/>
              <a:gd name="connsiteY4" fmla="*/ 431460 h 30466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22192" h="3046644">
                <a:moveTo>
                  <a:pt x="0" y="431460"/>
                </a:moveTo>
                <a:lnTo>
                  <a:pt x="3822192" y="0"/>
                </a:lnTo>
                <a:lnTo>
                  <a:pt x="3822192" y="3046644"/>
                </a:lnTo>
                <a:lnTo>
                  <a:pt x="0" y="3046644"/>
                </a:lnTo>
                <a:lnTo>
                  <a:pt x="0" y="431460"/>
                </a:lnTo>
                <a:close/>
              </a:path>
            </a:pathLst>
          </a:custGeom>
          <a:solidFill>
            <a:srgbClr val="F2193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a:latin typeface="Open Sans" panose="020B0606030504020204" pitchFamily="34" charset="0"/>
            </a:endParaRPr>
          </a:p>
        </p:txBody>
      </p:sp>
      <p:sp>
        <p:nvSpPr>
          <p:cNvPr id="8" name="Freeform 7">
            <a:extLst>
              <a:ext uri="{FF2B5EF4-FFF2-40B4-BE49-F238E27FC236}">
                <a16:creationId xmlns:a16="http://schemas.microsoft.com/office/drawing/2014/main" id="{EF499B42-6295-4A42-82E4-BB4D92741457}"/>
              </a:ext>
            </a:extLst>
          </p:cNvPr>
          <p:cNvSpPr/>
          <p:nvPr userDrawn="1"/>
        </p:nvSpPr>
        <p:spPr>
          <a:xfrm>
            <a:off x="-1000" y="5615786"/>
            <a:ext cx="12195970" cy="1241760"/>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496"/>
              <a:gd name="connsiteY0" fmla="*/ 542140 h 6495385"/>
              <a:gd name="connsiteX1" fmla="*/ 9114809 w 11524496"/>
              <a:gd name="connsiteY1" fmla="*/ 0 h 6495385"/>
              <a:gd name="connsiteX2" fmla="*/ 11520937 w 11524496"/>
              <a:gd name="connsiteY2" fmla="*/ 208706 h 6495385"/>
              <a:gd name="connsiteX3" fmla="*/ 11524112 w 11524496"/>
              <a:gd name="connsiteY3" fmla="*/ 3188572 h 6495385"/>
              <a:gd name="connsiteX4" fmla="*/ 331 w 11524496"/>
              <a:gd name="connsiteY4" fmla="*/ 6495386 h 6495385"/>
              <a:gd name="connsiteX5" fmla="*/ 0 w 11524496"/>
              <a:gd name="connsiteY5" fmla="*/ 542140 h 6495385"/>
              <a:gd name="connsiteX0" fmla="*/ 0 w 11524112"/>
              <a:gd name="connsiteY0" fmla="*/ 542140 h 6495386"/>
              <a:gd name="connsiteX1" fmla="*/ 9114809 w 11524112"/>
              <a:gd name="connsiteY1" fmla="*/ 0 h 6495386"/>
              <a:gd name="connsiteX2" fmla="*/ 11520937 w 11524112"/>
              <a:gd name="connsiteY2" fmla="*/ 208706 h 6495386"/>
              <a:gd name="connsiteX3" fmla="*/ 11524112 w 11524112"/>
              <a:gd name="connsiteY3" fmla="*/ 3188572 h 6495386"/>
              <a:gd name="connsiteX4" fmla="*/ 331 w 11524112"/>
              <a:gd name="connsiteY4" fmla="*/ 6495386 h 6495386"/>
              <a:gd name="connsiteX5" fmla="*/ 0 w 11524112"/>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14384 w 11520937"/>
              <a:gd name="connsiteY3" fmla="*/ 2233650 h 6495386"/>
              <a:gd name="connsiteX4" fmla="*/ 331 w 11520937"/>
              <a:gd name="connsiteY4" fmla="*/ 6495386 h 6495386"/>
              <a:gd name="connsiteX5" fmla="*/ 0 w 11520937"/>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14384 w 11520937"/>
              <a:gd name="connsiteY3" fmla="*/ 2233650 h 6495386"/>
              <a:gd name="connsiteX4" fmla="*/ 331 w 11520937"/>
              <a:gd name="connsiteY4" fmla="*/ 6495386 h 6495386"/>
              <a:gd name="connsiteX5" fmla="*/ 0 w 11520937"/>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50960 w 11520937"/>
              <a:gd name="connsiteY3" fmla="*/ 1359997 h 6495386"/>
              <a:gd name="connsiteX4" fmla="*/ 331 w 11520937"/>
              <a:gd name="connsiteY4" fmla="*/ 6495386 h 6495386"/>
              <a:gd name="connsiteX5" fmla="*/ 0 w 11520937"/>
              <a:gd name="connsiteY5" fmla="*/ 542140 h 6495386"/>
              <a:gd name="connsiteX0" fmla="*/ 0 w 11520937"/>
              <a:gd name="connsiteY0" fmla="*/ 542140 h 1842676"/>
              <a:gd name="connsiteX1" fmla="*/ 9114809 w 11520937"/>
              <a:gd name="connsiteY1" fmla="*/ 0 h 1842676"/>
              <a:gd name="connsiteX2" fmla="*/ 11520937 w 11520937"/>
              <a:gd name="connsiteY2" fmla="*/ 208706 h 1842676"/>
              <a:gd name="connsiteX3" fmla="*/ 11450960 w 11520937"/>
              <a:gd name="connsiteY3" fmla="*/ 1359997 h 1842676"/>
              <a:gd name="connsiteX4" fmla="*/ 402667 w 11520937"/>
              <a:gd name="connsiteY4" fmla="*/ 1842676 h 1842676"/>
              <a:gd name="connsiteX5" fmla="*/ 0 w 11520937"/>
              <a:gd name="connsiteY5" fmla="*/ 542140 h 1842676"/>
              <a:gd name="connsiteX0" fmla="*/ 0 w 11520937"/>
              <a:gd name="connsiteY0" fmla="*/ 542140 h 1873037"/>
              <a:gd name="connsiteX1" fmla="*/ 9114809 w 11520937"/>
              <a:gd name="connsiteY1" fmla="*/ 0 h 1873037"/>
              <a:gd name="connsiteX2" fmla="*/ 11520937 w 11520937"/>
              <a:gd name="connsiteY2" fmla="*/ 208706 h 1873037"/>
              <a:gd name="connsiteX3" fmla="*/ 11450960 w 11520937"/>
              <a:gd name="connsiteY3" fmla="*/ 1359997 h 1873037"/>
              <a:gd name="connsiteX4" fmla="*/ 402667 w 11520937"/>
              <a:gd name="connsiteY4" fmla="*/ 1842676 h 1873037"/>
              <a:gd name="connsiteX5" fmla="*/ 0 w 11520937"/>
              <a:gd name="connsiteY5" fmla="*/ 542140 h 1873037"/>
              <a:gd name="connsiteX0" fmla="*/ 7907 w 11528844"/>
              <a:gd name="connsiteY0" fmla="*/ 542140 h 1536909"/>
              <a:gd name="connsiteX1" fmla="*/ 9122716 w 11528844"/>
              <a:gd name="connsiteY1" fmla="*/ 0 h 1536909"/>
              <a:gd name="connsiteX2" fmla="*/ 11528844 w 11528844"/>
              <a:gd name="connsiteY2" fmla="*/ 208706 h 1536909"/>
              <a:gd name="connsiteX3" fmla="*/ 11458867 w 11528844"/>
              <a:gd name="connsiteY3" fmla="*/ 1359997 h 1536909"/>
              <a:gd name="connsiteX4" fmla="*/ 8238 w 11528844"/>
              <a:gd name="connsiteY4" fmla="*/ 1090928 h 1536909"/>
              <a:gd name="connsiteX5" fmla="*/ 7907 w 11528844"/>
              <a:gd name="connsiteY5" fmla="*/ 542140 h 1536909"/>
              <a:gd name="connsiteX0" fmla="*/ 0 w 11520937"/>
              <a:gd name="connsiteY0" fmla="*/ 542140 h 1516989"/>
              <a:gd name="connsiteX1" fmla="*/ 9114809 w 11520937"/>
              <a:gd name="connsiteY1" fmla="*/ 0 h 1516989"/>
              <a:gd name="connsiteX2" fmla="*/ 11520937 w 11520937"/>
              <a:gd name="connsiteY2" fmla="*/ 208706 h 1516989"/>
              <a:gd name="connsiteX3" fmla="*/ 11450960 w 11520937"/>
              <a:gd name="connsiteY3" fmla="*/ 1359997 h 1516989"/>
              <a:gd name="connsiteX4" fmla="*/ 329515 w 11520937"/>
              <a:gd name="connsiteY4" fmla="*/ 1029976 h 1516989"/>
              <a:gd name="connsiteX5" fmla="*/ 0 w 11520937"/>
              <a:gd name="connsiteY5" fmla="*/ 542140 h 1516989"/>
              <a:gd name="connsiteX0" fmla="*/ 0 w 11520937"/>
              <a:gd name="connsiteY0" fmla="*/ 542140 h 1562013"/>
              <a:gd name="connsiteX1" fmla="*/ 9114809 w 11520937"/>
              <a:gd name="connsiteY1" fmla="*/ 0 h 1562013"/>
              <a:gd name="connsiteX2" fmla="*/ 11520937 w 11520937"/>
              <a:gd name="connsiteY2" fmla="*/ 208706 h 1562013"/>
              <a:gd name="connsiteX3" fmla="*/ 11450960 w 11520937"/>
              <a:gd name="connsiteY3" fmla="*/ 1359997 h 1562013"/>
              <a:gd name="connsiteX4" fmla="*/ 179534 w 11520937"/>
              <a:gd name="connsiteY4" fmla="*/ 1164351 h 1562013"/>
              <a:gd name="connsiteX5" fmla="*/ 0 w 11520937"/>
              <a:gd name="connsiteY5" fmla="*/ 542140 h 1562013"/>
              <a:gd name="connsiteX0" fmla="*/ 0 w 11520937"/>
              <a:gd name="connsiteY0" fmla="*/ 542140 h 1520033"/>
              <a:gd name="connsiteX1" fmla="*/ 9114809 w 11520937"/>
              <a:gd name="connsiteY1" fmla="*/ 0 h 1520033"/>
              <a:gd name="connsiteX2" fmla="*/ 11520937 w 11520937"/>
              <a:gd name="connsiteY2" fmla="*/ 208706 h 1520033"/>
              <a:gd name="connsiteX3" fmla="*/ 11450960 w 11520937"/>
              <a:gd name="connsiteY3" fmla="*/ 1359997 h 1520033"/>
              <a:gd name="connsiteX4" fmla="*/ 179534 w 11520937"/>
              <a:gd name="connsiteY4" fmla="*/ 1164351 h 1520033"/>
              <a:gd name="connsiteX5" fmla="*/ 0 w 11520937"/>
              <a:gd name="connsiteY5" fmla="*/ 542140 h 1520033"/>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79534 w 11520937"/>
              <a:gd name="connsiteY4" fmla="*/ 1164351 h 1363604"/>
              <a:gd name="connsiteX5" fmla="*/ 0 w 11520937"/>
              <a:gd name="connsiteY5" fmla="*/ 542140 h 1363604"/>
              <a:gd name="connsiteX0" fmla="*/ 1532 w 11522469"/>
              <a:gd name="connsiteY0" fmla="*/ 542140 h 1363604"/>
              <a:gd name="connsiteX1" fmla="*/ 9116341 w 11522469"/>
              <a:gd name="connsiteY1" fmla="*/ 0 h 1363604"/>
              <a:gd name="connsiteX2" fmla="*/ 11522469 w 11522469"/>
              <a:gd name="connsiteY2" fmla="*/ 208706 h 1363604"/>
              <a:gd name="connsiteX3" fmla="*/ 11452492 w 11522469"/>
              <a:gd name="connsiteY3" fmla="*/ 1359997 h 1363604"/>
              <a:gd name="connsiteX4" fmla="*/ 16571 w 11522469"/>
              <a:gd name="connsiteY4" fmla="*/ 1261101 h 1363604"/>
              <a:gd name="connsiteX5" fmla="*/ 1532 w 11522469"/>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5039 w 11520937"/>
              <a:gd name="connsiteY4" fmla="*/ 1261101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5039 w 11520937"/>
              <a:gd name="connsiteY4" fmla="*/ 1261101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8689 w 11520937"/>
              <a:gd name="connsiteY4" fmla="*/ 1271683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8689 w 11520937"/>
              <a:gd name="connsiteY4" fmla="*/ 1271683 h 1363604"/>
              <a:gd name="connsiteX5" fmla="*/ 0 w 11520937"/>
              <a:gd name="connsiteY5" fmla="*/ 542140 h 1363604"/>
              <a:gd name="connsiteX0" fmla="*/ 946 w 11521883"/>
              <a:gd name="connsiteY0" fmla="*/ 542140 h 1363604"/>
              <a:gd name="connsiteX1" fmla="*/ 9115755 w 11521883"/>
              <a:gd name="connsiteY1" fmla="*/ 0 h 1363604"/>
              <a:gd name="connsiteX2" fmla="*/ 11521883 w 11521883"/>
              <a:gd name="connsiteY2" fmla="*/ 208706 h 1363604"/>
              <a:gd name="connsiteX3" fmla="*/ 11451906 w 11521883"/>
              <a:gd name="connsiteY3" fmla="*/ 1359997 h 1363604"/>
              <a:gd name="connsiteX4" fmla="*/ 110 w 11521883"/>
              <a:gd name="connsiteY4" fmla="*/ 1268156 h 1363604"/>
              <a:gd name="connsiteX5" fmla="*/ 946 w 11521883"/>
              <a:gd name="connsiteY5" fmla="*/ 542140 h 1363604"/>
              <a:gd name="connsiteX0" fmla="*/ 946 w 11525058"/>
              <a:gd name="connsiteY0" fmla="*/ 542140 h 1359997"/>
              <a:gd name="connsiteX1" fmla="*/ 9115755 w 11525058"/>
              <a:gd name="connsiteY1" fmla="*/ 0 h 1359997"/>
              <a:gd name="connsiteX2" fmla="*/ 11525058 w 11525058"/>
              <a:gd name="connsiteY2" fmla="*/ 169906 h 1359997"/>
              <a:gd name="connsiteX3" fmla="*/ 11451906 w 11525058"/>
              <a:gd name="connsiteY3" fmla="*/ 1359997 h 1359997"/>
              <a:gd name="connsiteX4" fmla="*/ 110 w 11525058"/>
              <a:gd name="connsiteY4" fmla="*/ 1268156 h 1359997"/>
              <a:gd name="connsiteX5" fmla="*/ 946 w 11525058"/>
              <a:gd name="connsiteY5" fmla="*/ 542140 h 1359997"/>
              <a:gd name="connsiteX0" fmla="*/ 946 w 11525073"/>
              <a:gd name="connsiteY0" fmla="*/ 542140 h 1359997"/>
              <a:gd name="connsiteX1" fmla="*/ 9115755 w 11525073"/>
              <a:gd name="connsiteY1" fmla="*/ 0 h 1359997"/>
              <a:gd name="connsiteX2" fmla="*/ 11525058 w 11525073"/>
              <a:gd name="connsiteY2" fmla="*/ 169906 h 1359997"/>
              <a:gd name="connsiteX3" fmla="*/ 11451906 w 11525073"/>
              <a:gd name="connsiteY3" fmla="*/ 1359997 h 1359997"/>
              <a:gd name="connsiteX4" fmla="*/ 110 w 11525073"/>
              <a:gd name="connsiteY4" fmla="*/ 1268156 h 1359997"/>
              <a:gd name="connsiteX5" fmla="*/ 946 w 11525073"/>
              <a:gd name="connsiteY5" fmla="*/ 542140 h 1359997"/>
              <a:gd name="connsiteX0" fmla="*/ 946 w 11526882"/>
              <a:gd name="connsiteY0" fmla="*/ 542140 h 1268286"/>
              <a:gd name="connsiteX1" fmla="*/ 9115755 w 11526882"/>
              <a:gd name="connsiteY1" fmla="*/ 0 h 1268286"/>
              <a:gd name="connsiteX2" fmla="*/ 11525058 w 11526882"/>
              <a:gd name="connsiteY2" fmla="*/ 169906 h 1268286"/>
              <a:gd name="connsiteX3" fmla="*/ 11512231 w 11526882"/>
              <a:gd name="connsiteY3" fmla="*/ 1268286 h 1268286"/>
              <a:gd name="connsiteX4" fmla="*/ 110 w 11526882"/>
              <a:gd name="connsiteY4" fmla="*/ 1268156 h 1268286"/>
              <a:gd name="connsiteX5" fmla="*/ 946 w 11526882"/>
              <a:gd name="connsiteY5" fmla="*/ 542140 h 1268286"/>
              <a:gd name="connsiteX0" fmla="*/ 946 w 11525140"/>
              <a:gd name="connsiteY0" fmla="*/ 542140 h 1268286"/>
              <a:gd name="connsiteX1" fmla="*/ 9115755 w 11525140"/>
              <a:gd name="connsiteY1" fmla="*/ 0 h 1268286"/>
              <a:gd name="connsiteX2" fmla="*/ 11525058 w 11525140"/>
              <a:gd name="connsiteY2" fmla="*/ 169906 h 1268286"/>
              <a:gd name="connsiteX3" fmla="*/ 11512231 w 11525140"/>
              <a:gd name="connsiteY3" fmla="*/ 1268286 h 1268286"/>
              <a:gd name="connsiteX4" fmla="*/ 110 w 11525140"/>
              <a:gd name="connsiteY4" fmla="*/ 1268156 h 1268286"/>
              <a:gd name="connsiteX5" fmla="*/ 946 w 11525140"/>
              <a:gd name="connsiteY5" fmla="*/ 542140 h 1268286"/>
              <a:gd name="connsiteX0" fmla="*/ 946 w 11525270"/>
              <a:gd name="connsiteY0" fmla="*/ 542140 h 1271813"/>
              <a:gd name="connsiteX1" fmla="*/ 9115755 w 11525270"/>
              <a:gd name="connsiteY1" fmla="*/ 0 h 1271813"/>
              <a:gd name="connsiteX2" fmla="*/ 11525058 w 11525270"/>
              <a:gd name="connsiteY2" fmla="*/ 169906 h 1271813"/>
              <a:gd name="connsiteX3" fmla="*/ 11518581 w 11525270"/>
              <a:gd name="connsiteY3" fmla="*/ 1271813 h 1271813"/>
              <a:gd name="connsiteX4" fmla="*/ 110 w 11525270"/>
              <a:gd name="connsiteY4" fmla="*/ 1268156 h 1271813"/>
              <a:gd name="connsiteX5" fmla="*/ 946 w 11525270"/>
              <a:gd name="connsiteY5" fmla="*/ 542140 h 1271813"/>
              <a:gd name="connsiteX0" fmla="*/ 946 w 11527241"/>
              <a:gd name="connsiteY0" fmla="*/ 542140 h 1271813"/>
              <a:gd name="connsiteX1" fmla="*/ 9115755 w 11527241"/>
              <a:gd name="connsiteY1" fmla="*/ 0 h 1271813"/>
              <a:gd name="connsiteX2" fmla="*/ 11525058 w 11527241"/>
              <a:gd name="connsiteY2" fmla="*/ 169906 h 1271813"/>
              <a:gd name="connsiteX3" fmla="*/ 11524931 w 11527241"/>
              <a:gd name="connsiteY3" fmla="*/ 1271813 h 1271813"/>
              <a:gd name="connsiteX4" fmla="*/ 110 w 11527241"/>
              <a:gd name="connsiteY4" fmla="*/ 1268156 h 1271813"/>
              <a:gd name="connsiteX5" fmla="*/ 946 w 11527241"/>
              <a:gd name="connsiteY5" fmla="*/ 542140 h 1271813"/>
              <a:gd name="connsiteX0" fmla="*/ 946 w 11527241"/>
              <a:gd name="connsiteY0" fmla="*/ 573886 h 1303559"/>
              <a:gd name="connsiteX1" fmla="*/ 9030030 w 11527241"/>
              <a:gd name="connsiteY1" fmla="*/ 0 h 1303559"/>
              <a:gd name="connsiteX2" fmla="*/ 11525058 w 11527241"/>
              <a:gd name="connsiteY2" fmla="*/ 201652 h 1303559"/>
              <a:gd name="connsiteX3" fmla="*/ 11524931 w 11527241"/>
              <a:gd name="connsiteY3" fmla="*/ 1303559 h 1303559"/>
              <a:gd name="connsiteX4" fmla="*/ 110 w 11527241"/>
              <a:gd name="connsiteY4" fmla="*/ 1299902 h 1303559"/>
              <a:gd name="connsiteX5" fmla="*/ 946 w 11527241"/>
              <a:gd name="connsiteY5" fmla="*/ 573886 h 1303559"/>
              <a:gd name="connsiteX0" fmla="*/ 946 w 11527241"/>
              <a:gd name="connsiteY0" fmla="*/ 573886 h 1303559"/>
              <a:gd name="connsiteX1" fmla="*/ 9036380 w 11527241"/>
              <a:gd name="connsiteY1" fmla="*/ 0 h 1303559"/>
              <a:gd name="connsiteX2" fmla="*/ 11525058 w 11527241"/>
              <a:gd name="connsiteY2" fmla="*/ 201652 h 1303559"/>
              <a:gd name="connsiteX3" fmla="*/ 11524931 w 11527241"/>
              <a:gd name="connsiteY3" fmla="*/ 1303559 h 1303559"/>
              <a:gd name="connsiteX4" fmla="*/ 110 w 11527241"/>
              <a:gd name="connsiteY4" fmla="*/ 1299902 h 1303559"/>
              <a:gd name="connsiteX5" fmla="*/ 946 w 11527241"/>
              <a:gd name="connsiteY5" fmla="*/ 573886 h 13035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27241" h="1303559">
                <a:moveTo>
                  <a:pt x="946" y="573886"/>
                </a:moveTo>
                <a:lnTo>
                  <a:pt x="9036380" y="0"/>
                </a:lnTo>
                <a:lnTo>
                  <a:pt x="11525058" y="201652"/>
                </a:lnTo>
                <a:cubicBezTo>
                  <a:pt x="11526116" y="664524"/>
                  <a:pt x="11529461" y="717231"/>
                  <a:pt x="11524931" y="1303559"/>
                </a:cubicBezTo>
                <a:lnTo>
                  <a:pt x="110" y="1299902"/>
                </a:lnTo>
                <a:cubicBezTo>
                  <a:pt x="-750" y="939156"/>
                  <a:pt x="3777" y="902801"/>
                  <a:pt x="946" y="573886"/>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12" name="Title 1">
            <a:extLst>
              <a:ext uri="{FF2B5EF4-FFF2-40B4-BE49-F238E27FC236}">
                <a16:creationId xmlns:a16="http://schemas.microsoft.com/office/drawing/2014/main" id="{329FE3A3-0877-9549-9820-361670EFC8B8}"/>
              </a:ext>
            </a:extLst>
          </p:cNvPr>
          <p:cNvSpPr>
            <a:spLocks noGrp="1"/>
          </p:cNvSpPr>
          <p:nvPr>
            <p:ph type="ctrTitle" hasCustomPrompt="1"/>
          </p:nvPr>
        </p:nvSpPr>
        <p:spPr>
          <a:xfrm>
            <a:off x="614203" y="3039228"/>
            <a:ext cx="8750684" cy="2032310"/>
          </a:xfrm>
          <a:prstGeom prst="rect">
            <a:avLst/>
          </a:prstGeom>
        </p:spPr>
        <p:txBody>
          <a:bodyPr anchor="t">
            <a:normAutofit/>
          </a:bodyPr>
          <a:lstStyle>
            <a:lvl1pPr algn="l">
              <a:defRPr lang="da-DK" sz="4867" spc="0" baseline="0" smtClean="0">
                <a:solidFill>
                  <a:schemeClr val="bg1"/>
                </a:solidFill>
                <a:effectLst/>
                <a:latin typeface="+mj-lt"/>
                <a:ea typeface="Open Sans" panose="020B0606030504020204" pitchFamily="34" charset="0"/>
                <a:cs typeface="Open Sans" panose="020B0606030504020204" pitchFamily="34" charset="0"/>
              </a:defRPr>
            </a:lvl1pPr>
          </a:lstStyle>
          <a:p>
            <a:r>
              <a:rPr lang="da-DK" dirty="0"/>
              <a:t>Klik for at tilføje titel</a:t>
            </a:r>
          </a:p>
        </p:txBody>
      </p:sp>
      <p:pic>
        <p:nvPicPr>
          <p:cNvPr id="11" name="Picture 10">
            <a:extLst>
              <a:ext uri="{FF2B5EF4-FFF2-40B4-BE49-F238E27FC236}">
                <a16:creationId xmlns:a16="http://schemas.microsoft.com/office/drawing/2014/main" id="{7AD92AA4-5F1B-4814-BCB2-2B3A677E798B}"/>
              </a:ext>
            </a:extLst>
          </p:cNvPr>
          <p:cNvPicPr>
            <a:picLocks noChangeAspect="1"/>
          </p:cNvPicPr>
          <p:nvPr userDrawn="1"/>
        </p:nvPicPr>
        <p:blipFill>
          <a:blip r:embed="rId2"/>
          <a:stretch>
            <a:fillRect/>
          </a:stretch>
        </p:blipFill>
        <p:spPr>
          <a:xfrm>
            <a:off x="30471" y="68578"/>
            <a:ext cx="1813011" cy="1032482"/>
          </a:xfrm>
          <a:prstGeom prst="rect">
            <a:avLst/>
          </a:prstGeom>
        </p:spPr>
      </p:pic>
    </p:spTree>
    <p:extLst>
      <p:ext uri="{BB962C8B-B14F-4D97-AF65-F5344CB8AC3E}">
        <p14:creationId xmlns:p14="http://schemas.microsoft.com/office/powerpoint/2010/main" val="362609723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er-slide, blå">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FE13606D-9E79-174F-A198-BE7BC6697058}"/>
              </a:ext>
            </a:extLst>
          </p:cNvPr>
          <p:cNvSpPr/>
          <p:nvPr userDrawn="1"/>
        </p:nvSpPr>
        <p:spPr>
          <a:xfrm>
            <a:off x="1" y="0"/>
            <a:ext cx="12187082" cy="6159471"/>
          </a:xfrm>
          <a:prstGeom prst="rect">
            <a:avLst/>
          </a:prstGeom>
          <a:solidFill>
            <a:srgbClr val="D7D8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a:latin typeface="Open Sans" panose="020B0606030504020204" pitchFamily="34" charset="0"/>
            </a:endParaRPr>
          </a:p>
        </p:txBody>
      </p:sp>
      <p:sp>
        <p:nvSpPr>
          <p:cNvPr id="7" name="Snip Single Corner Rectangle 9">
            <a:extLst>
              <a:ext uri="{FF2B5EF4-FFF2-40B4-BE49-F238E27FC236}">
                <a16:creationId xmlns:a16="http://schemas.microsoft.com/office/drawing/2014/main" id="{A9C953DF-FB9A-9948-82D1-5F81CAE2ECA7}"/>
              </a:ext>
            </a:extLst>
          </p:cNvPr>
          <p:cNvSpPr/>
          <p:nvPr userDrawn="1"/>
        </p:nvSpPr>
        <p:spPr>
          <a:xfrm rot="10800000">
            <a:off x="0" y="2284326"/>
            <a:ext cx="9558376" cy="3875144"/>
          </a:xfrm>
          <a:custGeom>
            <a:avLst/>
            <a:gdLst>
              <a:gd name="connsiteX0" fmla="*/ 0 w 3822192"/>
              <a:gd name="connsiteY0" fmla="*/ 0 h 2615184"/>
              <a:gd name="connsiteX1" fmla="*/ 3386319 w 3822192"/>
              <a:gd name="connsiteY1" fmla="*/ 0 h 2615184"/>
              <a:gd name="connsiteX2" fmla="*/ 3822192 w 3822192"/>
              <a:gd name="connsiteY2" fmla="*/ 435873 h 2615184"/>
              <a:gd name="connsiteX3" fmla="*/ 3822192 w 3822192"/>
              <a:gd name="connsiteY3" fmla="*/ 2615184 h 2615184"/>
              <a:gd name="connsiteX4" fmla="*/ 0 w 3822192"/>
              <a:gd name="connsiteY4" fmla="*/ 2615184 h 2615184"/>
              <a:gd name="connsiteX5" fmla="*/ 0 w 3822192"/>
              <a:gd name="connsiteY5" fmla="*/ 0 h 2615184"/>
              <a:gd name="connsiteX0" fmla="*/ 0 w 3822192"/>
              <a:gd name="connsiteY0" fmla="*/ 0 h 2615184"/>
              <a:gd name="connsiteX1" fmla="*/ 3822192 w 3822192"/>
              <a:gd name="connsiteY1" fmla="*/ 435873 h 2615184"/>
              <a:gd name="connsiteX2" fmla="*/ 3822192 w 3822192"/>
              <a:gd name="connsiteY2" fmla="*/ 2615184 h 2615184"/>
              <a:gd name="connsiteX3" fmla="*/ 0 w 3822192"/>
              <a:gd name="connsiteY3" fmla="*/ 2615184 h 2615184"/>
              <a:gd name="connsiteX4" fmla="*/ 0 w 3822192"/>
              <a:gd name="connsiteY4" fmla="*/ 0 h 2615184"/>
              <a:gd name="connsiteX0" fmla="*/ 0 w 3822192"/>
              <a:gd name="connsiteY0" fmla="*/ 431460 h 3046644"/>
              <a:gd name="connsiteX1" fmla="*/ 3822192 w 3822192"/>
              <a:gd name="connsiteY1" fmla="*/ 0 h 3046644"/>
              <a:gd name="connsiteX2" fmla="*/ 3822192 w 3822192"/>
              <a:gd name="connsiteY2" fmla="*/ 3046644 h 3046644"/>
              <a:gd name="connsiteX3" fmla="*/ 0 w 3822192"/>
              <a:gd name="connsiteY3" fmla="*/ 3046644 h 3046644"/>
              <a:gd name="connsiteX4" fmla="*/ 0 w 3822192"/>
              <a:gd name="connsiteY4" fmla="*/ 431460 h 30466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22192" h="3046644">
                <a:moveTo>
                  <a:pt x="0" y="431460"/>
                </a:moveTo>
                <a:lnTo>
                  <a:pt x="3822192" y="0"/>
                </a:lnTo>
                <a:lnTo>
                  <a:pt x="3822192" y="3046644"/>
                </a:lnTo>
                <a:lnTo>
                  <a:pt x="0" y="3046644"/>
                </a:lnTo>
                <a:lnTo>
                  <a:pt x="0" y="431460"/>
                </a:lnTo>
                <a:close/>
              </a:path>
            </a:pathLst>
          </a:custGeom>
          <a:solidFill>
            <a:srgbClr val="2553A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a:latin typeface="Open Sans" panose="020B0606030504020204" pitchFamily="34" charset="0"/>
            </a:endParaRPr>
          </a:p>
        </p:txBody>
      </p:sp>
      <p:sp>
        <p:nvSpPr>
          <p:cNvPr id="8" name="Freeform 7">
            <a:extLst>
              <a:ext uri="{FF2B5EF4-FFF2-40B4-BE49-F238E27FC236}">
                <a16:creationId xmlns:a16="http://schemas.microsoft.com/office/drawing/2014/main" id="{EF499B42-6295-4A42-82E4-BB4D92741457}"/>
              </a:ext>
            </a:extLst>
          </p:cNvPr>
          <p:cNvSpPr/>
          <p:nvPr userDrawn="1"/>
        </p:nvSpPr>
        <p:spPr>
          <a:xfrm>
            <a:off x="-1000" y="5615786"/>
            <a:ext cx="12195970" cy="1241760"/>
          </a:xfrm>
          <a:custGeom>
            <a:avLst/>
            <a:gdLst>
              <a:gd name="connsiteX0" fmla="*/ 40944 w 11546006"/>
              <a:gd name="connsiteY0" fmla="*/ 53226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40944 w 11546006"/>
              <a:gd name="connsiteY6" fmla="*/ 532263 h 6482687"/>
              <a:gd name="connsiteX0" fmla="*/ 28244 w 11546006"/>
              <a:gd name="connsiteY0" fmla="*/ 538613 h 6482687"/>
              <a:gd name="connsiteX1" fmla="*/ 9130353 w 11546006"/>
              <a:gd name="connsiteY1" fmla="*/ 0 h 6482687"/>
              <a:gd name="connsiteX2" fmla="*/ 11546006 w 11546006"/>
              <a:gd name="connsiteY2" fmla="*/ 191069 h 6482687"/>
              <a:gd name="connsiteX3" fmla="*/ 11546006 w 11546006"/>
              <a:gd name="connsiteY3" fmla="*/ 6482687 h 6482687"/>
              <a:gd name="connsiteX4" fmla="*/ 10877266 w 11546006"/>
              <a:gd name="connsiteY4" fmla="*/ 6482687 h 6482687"/>
              <a:gd name="connsiteX5" fmla="*/ 0 w 11546006"/>
              <a:gd name="connsiteY5" fmla="*/ 6482687 h 6482687"/>
              <a:gd name="connsiteX6" fmla="*/ 28244 w 11546006"/>
              <a:gd name="connsiteY6" fmla="*/ 538613 h 6482687"/>
              <a:gd name="connsiteX0" fmla="*/ 6019 w 11523781"/>
              <a:gd name="connsiteY0" fmla="*/ 538613 h 6485862"/>
              <a:gd name="connsiteX1" fmla="*/ 9108128 w 11523781"/>
              <a:gd name="connsiteY1" fmla="*/ 0 h 6485862"/>
              <a:gd name="connsiteX2" fmla="*/ 11523781 w 11523781"/>
              <a:gd name="connsiteY2" fmla="*/ 191069 h 6485862"/>
              <a:gd name="connsiteX3" fmla="*/ 11523781 w 11523781"/>
              <a:gd name="connsiteY3" fmla="*/ 6482687 h 6485862"/>
              <a:gd name="connsiteX4" fmla="*/ 10855041 w 11523781"/>
              <a:gd name="connsiteY4" fmla="*/ 6482687 h 6485862"/>
              <a:gd name="connsiteX5" fmla="*/ 0 w 11523781"/>
              <a:gd name="connsiteY5" fmla="*/ 6485862 h 6485862"/>
              <a:gd name="connsiteX6" fmla="*/ 6019 w 11523781"/>
              <a:gd name="connsiteY6" fmla="*/ 538613 h 6485862"/>
              <a:gd name="connsiteX0" fmla="*/ 200 w 11517962"/>
              <a:gd name="connsiteY0" fmla="*/ 538613 h 6489037"/>
              <a:gd name="connsiteX1" fmla="*/ 9102309 w 11517962"/>
              <a:gd name="connsiteY1" fmla="*/ 0 h 6489037"/>
              <a:gd name="connsiteX2" fmla="*/ 11517962 w 11517962"/>
              <a:gd name="connsiteY2" fmla="*/ 191069 h 6489037"/>
              <a:gd name="connsiteX3" fmla="*/ 11517962 w 11517962"/>
              <a:gd name="connsiteY3" fmla="*/ 6482687 h 6489037"/>
              <a:gd name="connsiteX4" fmla="*/ 10849222 w 11517962"/>
              <a:gd name="connsiteY4" fmla="*/ 6482687 h 6489037"/>
              <a:gd name="connsiteX5" fmla="*/ 10056 w 11517962"/>
              <a:gd name="connsiteY5" fmla="*/ 6489037 h 6489037"/>
              <a:gd name="connsiteX6" fmla="*/ 200 w 11517962"/>
              <a:gd name="connsiteY6" fmla="*/ 538613 h 6489037"/>
              <a:gd name="connsiteX0" fmla="*/ 543 w 11518305"/>
              <a:gd name="connsiteY0" fmla="*/ 538613 h 6495387"/>
              <a:gd name="connsiteX1" fmla="*/ 9102652 w 11518305"/>
              <a:gd name="connsiteY1" fmla="*/ 0 h 6495387"/>
              <a:gd name="connsiteX2" fmla="*/ 11518305 w 11518305"/>
              <a:gd name="connsiteY2" fmla="*/ 191069 h 6495387"/>
              <a:gd name="connsiteX3" fmla="*/ 11518305 w 11518305"/>
              <a:gd name="connsiteY3" fmla="*/ 6482687 h 6495387"/>
              <a:gd name="connsiteX4" fmla="*/ 10849565 w 11518305"/>
              <a:gd name="connsiteY4" fmla="*/ 6482687 h 6495387"/>
              <a:gd name="connsiteX5" fmla="*/ 874 w 11518305"/>
              <a:gd name="connsiteY5" fmla="*/ 6495387 h 6495387"/>
              <a:gd name="connsiteX6" fmla="*/ 543 w 11518305"/>
              <a:gd name="connsiteY6" fmla="*/ 538613 h 6495387"/>
              <a:gd name="connsiteX0" fmla="*/ 0 w 11517762"/>
              <a:gd name="connsiteY0" fmla="*/ 538613 h 6495387"/>
              <a:gd name="connsiteX1" fmla="*/ 9102109 w 11517762"/>
              <a:gd name="connsiteY1" fmla="*/ 0 h 6495387"/>
              <a:gd name="connsiteX2" fmla="*/ 11517762 w 11517762"/>
              <a:gd name="connsiteY2" fmla="*/ 191069 h 6495387"/>
              <a:gd name="connsiteX3" fmla="*/ 11517762 w 11517762"/>
              <a:gd name="connsiteY3" fmla="*/ 6482687 h 6495387"/>
              <a:gd name="connsiteX4" fmla="*/ 10849022 w 11517762"/>
              <a:gd name="connsiteY4" fmla="*/ 6482687 h 6495387"/>
              <a:gd name="connsiteX5" fmla="*/ 331 w 11517762"/>
              <a:gd name="connsiteY5" fmla="*/ 6495387 h 6495387"/>
              <a:gd name="connsiteX6" fmla="*/ 0 w 11517762"/>
              <a:gd name="connsiteY6" fmla="*/ 538613 h 6495387"/>
              <a:gd name="connsiteX0" fmla="*/ 0 w 11530462"/>
              <a:gd name="connsiteY0" fmla="*/ 542140 h 6495387"/>
              <a:gd name="connsiteX1" fmla="*/ 9114809 w 11530462"/>
              <a:gd name="connsiteY1" fmla="*/ 0 h 6495387"/>
              <a:gd name="connsiteX2" fmla="*/ 11530462 w 11530462"/>
              <a:gd name="connsiteY2" fmla="*/ 191069 h 6495387"/>
              <a:gd name="connsiteX3" fmla="*/ 11530462 w 11530462"/>
              <a:gd name="connsiteY3" fmla="*/ 6482687 h 6495387"/>
              <a:gd name="connsiteX4" fmla="*/ 10861722 w 11530462"/>
              <a:gd name="connsiteY4" fmla="*/ 6482687 h 6495387"/>
              <a:gd name="connsiteX5" fmla="*/ 13031 w 11530462"/>
              <a:gd name="connsiteY5" fmla="*/ 6495387 h 6495387"/>
              <a:gd name="connsiteX6" fmla="*/ 0 w 11530462"/>
              <a:gd name="connsiteY6" fmla="*/ 542140 h 6495387"/>
              <a:gd name="connsiteX0" fmla="*/ 0 w 11530462"/>
              <a:gd name="connsiteY0" fmla="*/ 542140 h 6484805"/>
              <a:gd name="connsiteX1" fmla="*/ 9114809 w 11530462"/>
              <a:gd name="connsiteY1" fmla="*/ 0 h 6484805"/>
              <a:gd name="connsiteX2" fmla="*/ 11530462 w 11530462"/>
              <a:gd name="connsiteY2" fmla="*/ 191069 h 6484805"/>
              <a:gd name="connsiteX3" fmla="*/ 11530462 w 11530462"/>
              <a:gd name="connsiteY3" fmla="*/ 6482687 h 6484805"/>
              <a:gd name="connsiteX4" fmla="*/ 10861722 w 11530462"/>
              <a:gd name="connsiteY4" fmla="*/ 6482687 h 6484805"/>
              <a:gd name="connsiteX5" fmla="*/ 16206 w 11530462"/>
              <a:gd name="connsiteY5" fmla="*/ 6484805 h 6484805"/>
              <a:gd name="connsiteX6" fmla="*/ 0 w 11530462"/>
              <a:gd name="connsiteY6" fmla="*/ 542140 h 6484805"/>
              <a:gd name="connsiteX0" fmla="*/ 0 w 11530462"/>
              <a:gd name="connsiteY0" fmla="*/ 542140 h 6488332"/>
              <a:gd name="connsiteX1" fmla="*/ 9114809 w 11530462"/>
              <a:gd name="connsiteY1" fmla="*/ 0 h 6488332"/>
              <a:gd name="connsiteX2" fmla="*/ 11530462 w 11530462"/>
              <a:gd name="connsiteY2" fmla="*/ 191069 h 6488332"/>
              <a:gd name="connsiteX3" fmla="*/ 11530462 w 11530462"/>
              <a:gd name="connsiteY3" fmla="*/ 6482687 h 6488332"/>
              <a:gd name="connsiteX4" fmla="*/ 10861722 w 11530462"/>
              <a:gd name="connsiteY4" fmla="*/ 6482687 h 6488332"/>
              <a:gd name="connsiteX5" fmla="*/ 3506 w 11530462"/>
              <a:gd name="connsiteY5" fmla="*/ 6488332 h 6488332"/>
              <a:gd name="connsiteX6" fmla="*/ 0 w 11530462"/>
              <a:gd name="connsiteY6" fmla="*/ 542140 h 6488332"/>
              <a:gd name="connsiteX0" fmla="*/ 2846 w 11533308"/>
              <a:gd name="connsiteY0" fmla="*/ 542140 h 6491859"/>
              <a:gd name="connsiteX1" fmla="*/ 9117655 w 11533308"/>
              <a:gd name="connsiteY1" fmla="*/ 0 h 6491859"/>
              <a:gd name="connsiteX2" fmla="*/ 11533308 w 11533308"/>
              <a:gd name="connsiteY2" fmla="*/ 191069 h 6491859"/>
              <a:gd name="connsiteX3" fmla="*/ 11533308 w 11533308"/>
              <a:gd name="connsiteY3" fmla="*/ 6482687 h 6491859"/>
              <a:gd name="connsiteX4" fmla="*/ 10864568 w 11533308"/>
              <a:gd name="connsiteY4" fmla="*/ 6482687 h 6491859"/>
              <a:gd name="connsiteX5" fmla="*/ 2 w 11533308"/>
              <a:gd name="connsiteY5" fmla="*/ 6491859 h 6491859"/>
              <a:gd name="connsiteX6" fmla="*/ 2846 w 11533308"/>
              <a:gd name="connsiteY6" fmla="*/ 542140 h 6491859"/>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10861722 w 11530462"/>
              <a:gd name="connsiteY4" fmla="*/ 6482687 h 6495386"/>
              <a:gd name="connsiteX5" fmla="*/ 331 w 11530462"/>
              <a:gd name="connsiteY5" fmla="*/ 6495386 h 6495386"/>
              <a:gd name="connsiteX6" fmla="*/ 0 w 11530462"/>
              <a:gd name="connsiteY6"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82687 h 6495386"/>
              <a:gd name="connsiteX4" fmla="*/ 331 w 11530462"/>
              <a:gd name="connsiteY4" fmla="*/ 6495386 h 6495386"/>
              <a:gd name="connsiteX5" fmla="*/ 0 w 11530462"/>
              <a:gd name="connsiteY5" fmla="*/ 542140 h 6495386"/>
              <a:gd name="connsiteX0" fmla="*/ 0 w 11530462"/>
              <a:gd name="connsiteY0" fmla="*/ 542140 h 6495386"/>
              <a:gd name="connsiteX1" fmla="*/ 9114809 w 11530462"/>
              <a:gd name="connsiteY1" fmla="*/ 0 h 6495386"/>
              <a:gd name="connsiteX2" fmla="*/ 11530462 w 11530462"/>
              <a:gd name="connsiteY2" fmla="*/ 191069 h 6495386"/>
              <a:gd name="connsiteX3" fmla="*/ 11530462 w 11530462"/>
              <a:gd name="connsiteY3" fmla="*/ 6493270 h 6495386"/>
              <a:gd name="connsiteX4" fmla="*/ 331 w 11530462"/>
              <a:gd name="connsiteY4" fmla="*/ 6495386 h 6495386"/>
              <a:gd name="connsiteX5" fmla="*/ 0 w 11530462"/>
              <a:gd name="connsiteY5" fmla="*/ 542140 h 6495386"/>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3853"/>
              <a:gd name="connsiteX1" fmla="*/ 9114809 w 11530462"/>
              <a:gd name="connsiteY1" fmla="*/ 0 h 6503853"/>
              <a:gd name="connsiteX2" fmla="*/ 11530462 w 11530462"/>
              <a:gd name="connsiteY2" fmla="*/ 191069 h 6503853"/>
              <a:gd name="connsiteX3" fmla="*/ 11530462 w 11530462"/>
              <a:gd name="connsiteY3" fmla="*/ 6503853 h 6503853"/>
              <a:gd name="connsiteX4" fmla="*/ 331 w 11530462"/>
              <a:gd name="connsiteY4" fmla="*/ 6495386 h 6503853"/>
              <a:gd name="connsiteX5" fmla="*/ 0 w 11530462"/>
              <a:gd name="connsiteY5" fmla="*/ 542140 h 6503853"/>
              <a:gd name="connsiteX0" fmla="*/ 0 w 11530462"/>
              <a:gd name="connsiteY0" fmla="*/ 542140 h 6500326"/>
              <a:gd name="connsiteX1" fmla="*/ 9114809 w 11530462"/>
              <a:gd name="connsiteY1" fmla="*/ 0 h 6500326"/>
              <a:gd name="connsiteX2" fmla="*/ 11530462 w 11530462"/>
              <a:gd name="connsiteY2" fmla="*/ 191069 h 6500326"/>
              <a:gd name="connsiteX3" fmla="*/ 11524112 w 11530462"/>
              <a:gd name="connsiteY3" fmla="*/ 6500326 h 6500326"/>
              <a:gd name="connsiteX4" fmla="*/ 331 w 11530462"/>
              <a:gd name="connsiteY4" fmla="*/ 6495386 h 6500326"/>
              <a:gd name="connsiteX5" fmla="*/ 0 w 11530462"/>
              <a:gd name="connsiteY5" fmla="*/ 542140 h 6500326"/>
              <a:gd name="connsiteX0" fmla="*/ 0 w 11527287"/>
              <a:gd name="connsiteY0" fmla="*/ 542140 h 6500326"/>
              <a:gd name="connsiteX1" fmla="*/ 9114809 w 11527287"/>
              <a:gd name="connsiteY1" fmla="*/ 0 h 6500326"/>
              <a:gd name="connsiteX2" fmla="*/ 11527287 w 11527287"/>
              <a:gd name="connsiteY2" fmla="*/ 191069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7287"/>
              <a:gd name="connsiteY0" fmla="*/ 542140 h 6500326"/>
              <a:gd name="connsiteX1" fmla="*/ 9114809 w 11527287"/>
              <a:gd name="connsiteY1" fmla="*/ 0 h 6500326"/>
              <a:gd name="connsiteX2" fmla="*/ 11527287 w 11527287"/>
              <a:gd name="connsiteY2" fmla="*/ 198124 h 6500326"/>
              <a:gd name="connsiteX3" fmla="*/ 11524112 w 11527287"/>
              <a:gd name="connsiteY3" fmla="*/ 6500326 h 6500326"/>
              <a:gd name="connsiteX4" fmla="*/ 331 w 11527287"/>
              <a:gd name="connsiteY4" fmla="*/ 6495386 h 6500326"/>
              <a:gd name="connsiteX5" fmla="*/ 0 w 11527287"/>
              <a:gd name="connsiteY5" fmla="*/ 542140 h 6500326"/>
              <a:gd name="connsiteX0" fmla="*/ 0 w 11524723"/>
              <a:gd name="connsiteY0" fmla="*/ 542140 h 6500326"/>
              <a:gd name="connsiteX1" fmla="*/ 9114809 w 11524723"/>
              <a:gd name="connsiteY1" fmla="*/ 0 h 6500326"/>
              <a:gd name="connsiteX2" fmla="*/ 11524112 w 11524723"/>
              <a:gd name="connsiteY2" fmla="*/ 198124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393"/>
              <a:gd name="connsiteY0" fmla="*/ 542140 h 6500326"/>
              <a:gd name="connsiteX1" fmla="*/ 9114809 w 11524393"/>
              <a:gd name="connsiteY1" fmla="*/ 0 h 6500326"/>
              <a:gd name="connsiteX2" fmla="*/ 11517762 w 11524393"/>
              <a:gd name="connsiteY2" fmla="*/ 198124 h 6500326"/>
              <a:gd name="connsiteX3" fmla="*/ 11524112 w 11524393"/>
              <a:gd name="connsiteY3" fmla="*/ 6500326 h 6500326"/>
              <a:gd name="connsiteX4" fmla="*/ 331 w 11524393"/>
              <a:gd name="connsiteY4" fmla="*/ 6495386 h 6500326"/>
              <a:gd name="connsiteX5" fmla="*/ 0 w 11524393"/>
              <a:gd name="connsiteY5" fmla="*/ 542140 h 6500326"/>
              <a:gd name="connsiteX0" fmla="*/ 0 w 11524723"/>
              <a:gd name="connsiteY0" fmla="*/ 542140 h 6500326"/>
              <a:gd name="connsiteX1" fmla="*/ 9114809 w 11524723"/>
              <a:gd name="connsiteY1" fmla="*/ 0 h 6500326"/>
              <a:gd name="connsiteX2" fmla="*/ 11524112 w 11524723"/>
              <a:gd name="connsiteY2" fmla="*/ 201651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5178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723"/>
              <a:gd name="connsiteY0" fmla="*/ 542140 h 6500326"/>
              <a:gd name="connsiteX1" fmla="*/ 9114809 w 11524723"/>
              <a:gd name="connsiteY1" fmla="*/ 0 h 6500326"/>
              <a:gd name="connsiteX2" fmla="*/ 11524112 w 11524723"/>
              <a:gd name="connsiteY2" fmla="*/ 205178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723"/>
              <a:gd name="connsiteY0" fmla="*/ 542140 h 6500326"/>
              <a:gd name="connsiteX1" fmla="*/ 9114809 w 11524723"/>
              <a:gd name="connsiteY1" fmla="*/ 0 h 6500326"/>
              <a:gd name="connsiteX2" fmla="*/ 11524112 w 11524723"/>
              <a:gd name="connsiteY2" fmla="*/ 208706 h 6500326"/>
              <a:gd name="connsiteX3" fmla="*/ 11524112 w 11524723"/>
              <a:gd name="connsiteY3" fmla="*/ 6500326 h 6500326"/>
              <a:gd name="connsiteX4" fmla="*/ 331 w 11524723"/>
              <a:gd name="connsiteY4" fmla="*/ 6495386 h 6500326"/>
              <a:gd name="connsiteX5" fmla="*/ 0 w 11524723"/>
              <a:gd name="connsiteY5" fmla="*/ 542140 h 6500326"/>
              <a:gd name="connsiteX0" fmla="*/ 0 w 11524496"/>
              <a:gd name="connsiteY0" fmla="*/ 542140 h 6500326"/>
              <a:gd name="connsiteX1" fmla="*/ 9114809 w 11524496"/>
              <a:gd name="connsiteY1" fmla="*/ 0 h 6500326"/>
              <a:gd name="connsiteX2" fmla="*/ 11520937 w 11524496"/>
              <a:gd name="connsiteY2" fmla="*/ 208706 h 6500326"/>
              <a:gd name="connsiteX3" fmla="*/ 11524112 w 11524496"/>
              <a:gd name="connsiteY3" fmla="*/ 6500326 h 6500326"/>
              <a:gd name="connsiteX4" fmla="*/ 331 w 11524496"/>
              <a:gd name="connsiteY4" fmla="*/ 6495386 h 6500326"/>
              <a:gd name="connsiteX5" fmla="*/ 0 w 11524496"/>
              <a:gd name="connsiteY5" fmla="*/ 542140 h 6500326"/>
              <a:gd name="connsiteX0" fmla="*/ 0 w 11524496"/>
              <a:gd name="connsiteY0" fmla="*/ 542140 h 6495385"/>
              <a:gd name="connsiteX1" fmla="*/ 9114809 w 11524496"/>
              <a:gd name="connsiteY1" fmla="*/ 0 h 6495385"/>
              <a:gd name="connsiteX2" fmla="*/ 11520937 w 11524496"/>
              <a:gd name="connsiteY2" fmla="*/ 208706 h 6495385"/>
              <a:gd name="connsiteX3" fmla="*/ 11524112 w 11524496"/>
              <a:gd name="connsiteY3" fmla="*/ 3188572 h 6495385"/>
              <a:gd name="connsiteX4" fmla="*/ 331 w 11524496"/>
              <a:gd name="connsiteY4" fmla="*/ 6495386 h 6495385"/>
              <a:gd name="connsiteX5" fmla="*/ 0 w 11524496"/>
              <a:gd name="connsiteY5" fmla="*/ 542140 h 6495385"/>
              <a:gd name="connsiteX0" fmla="*/ 0 w 11524112"/>
              <a:gd name="connsiteY0" fmla="*/ 542140 h 6495386"/>
              <a:gd name="connsiteX1" fmla="*/ 9114809 w 11524112"/>
              <a:gd name="connsiteY1" fmla="*/ 0 h 6495386"/>
              <a:gd name="connsiteX2" fmla="*/ 11520937 w 11524112"/>
              <a:gd name="connsiteY2" fmla="*/ 208706 h 6495386"/>
              <a:gd name="connsiteX3" fmla="*/ 11524112 w 11524112"/>
              <a:gd name="connsiteY3" fmla="*/ 3188572 h 6495386"/>
              <a:gd name="connsiteX4" fmla="*/ 331 w 11524112"/>
              <a:gd name="connsiteY4" fmla="*/ 6495386 h 6495386"/>
              <a:gd name="connsiteX5" fmla="*/ 0 w 11524112"/>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14384 w 11520937"/>
              <a:gd name="connsiteY3" fmla="*/ 2233650 h 6495386"/>
              <a:gd name="connsiteX4" fmla="*/ 331 w 11520937"/>
              <a:gd name="connsiteY4" fmla="*/ 6495386 h 6495386"/>
              <a:gd name="connsiteX5" fmla="*/ 0 w 11520937"/>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14384 w 11520937"/>
              <a:gd name="connsiteY3" fmla="*/ 2233650 h 6495386"/>
              <a:gd name="connsiteX4" fmla="*/ 331 w 11520937"/>
              <a:gd name="connsiteY4" fmla="*/ 6495386 h 6495386"/>
              <a:gd name="connsiteX5" fmla="*/ 0 w 11520937"/>
              <a:gd name="connsiteY5" fmla="*/ 542140 h 6495386"/>
              <a:gd name="connsiteX0" fmla="*/ 0 w 11520937"/>
              <a:gd name="connsiteY0" fmla="*/ 542140 h 6495386"/>
              <a:gd name="connsiteX1" fmla="*/ 9114809 w 11520937"/>
              <a:gd name="connsiteY1" fmla="*/ 0 h 6495386"/>
              <a:gd name="connsiteX2" fmla="*/ 11520937 w 11520937"/>
              <a:gd name="connsiteY2" fmla="*/ 208706 h 6495386"/>
              <a:gd name="connsiteX3" fmla="*/ 11450960 w 11520937"/>
              <a:gd name="connsiteY3" fmla="*/ 1359997 h 6495386"/>
              <a:gd name="connsiteX4" fmla="*/ 331 w 11520937"/>
              <a:gd name="connsiteY4" fmla="*/ 6495386 h 6495386"/>
              <a:gd name="connsiteX5" fmla="*/ 0 w 11520937"/>
              <a:gd name="connsiteY5" fmla="*/ 542140 h 6495386"/>
              <a:gd name="connsiteX0" fmla="*/ 0 w 11520937"/>
              <a:gd name="connsiteY0" fmla="*/ 542140 h 1842676"/>
              <a:gd name="connsiteX1" fmla="*/ 9114809 w 11520937"/>
              <a:gd name="connsiteY1" fmla="*/ 0 h 1842676"/>
              <a:gd name="connsiteX2" fmla="*/ 11520937 w 11520937"/>
              <a:gd name="connsiteY2" fmla="*/ 208706 h 1842676"/>
              <a:gd name="connsiteX3" fmla="*/ 11450960 w 11520937"/>
              <a:gd name="connsiteY3" fmla="*/ 1359997 h 1842676"/>
              <a:gd name="connsiteX4" fmla="*/ 402667 w 11520937"/>
              <a:gd name="connsiteY4" fmla="*/ 1842676 h 1842676"/>
              <a:gd name="connsiteX5" fmla="*/ 0 w 11520937"/>
              <a:gd name="connsiteY5" fmla="*/ 542140 h 1842676"/>
              <a:gd name="connsiteX0" fmla="*/ 0 w 11520937"/>
              <a:gd name="connsiteY0" fmla="*/ 542140 h 1873037"/>
              <a:gd name="connsiteX1" fmla="*/ 9114809 w 11520937"/>
              <a:gd name="connsiteY1" fmla="*/ 0 h 1873037"/>
              <a:gd name="connsiteX2" fmla="*/ 11520937 w 11520937"/>
              <a:gd name="connsiteY2" fmla="*/ 208706 h 1873037"/>
              <a:gd name="connsiteX3" fmla="*/ 11450960 w 11520937"/>
              <a:gd name="connsiteY3" fmla="*/ 1359997 h 1873037"/>
              <a:gd name="connsiteX4" fmla="*/ 402667 w 11520937"/>
              <a:gd name="connsiteY4" fmla="*/ 1842676 h 1873037"/>
              <a:gd name="connsiteX5" fmla="*/ 0 w 11520937"/>
              <a:gd name="connsiteY5" fmla="*/ 542140 h 1873037"/>
              <a:gd name="connsiteX0" fmla="*/ 7907 w 11528844"/>
              <a:gd name="connsiteY0" fmla="*/ 542140 h 1536909"/>
              <a:gd name="connsiteX1" fmla="*/ 9122716 w 11528844"/>
              <a:gd name="connsiteY1" fmla="*/ 0 h 1536909"/>
              <a:gd name="connsiteX2" fmla="*/ 11528844 w 11528844"/>
              <a:gd name="connsiteY2" fmla="*/ 208706 h 1536909"/>
              <a:gd name="connsiteX3" fmla="*/ 11458867 w 11528844"/>
              <a:gd name="connsiteY3" fmla="*/ 1359997 h 1536909"/>
              <a:gd name="connsiteX4" fmla="*/ 8238 w 11528844"/>
              <a:gd name="connsiteY4" fmla="*/ 1090928 h 1536909"/>
              <a:gd name="connsiteX5" fmla="*/ 7907 w 11528844"/>
              <a:gd name="connsiteY5" fmla="*/ 542140 h 1536909"/>
              <a:gd name="connsiteX0" fmla="*/ 0 w 11520937"/>
              <a:gd name="connsiteY0" fmla="*/ 542140 h 1516989"/>
              <a:gd name="connsiteX1" fmla="*/ 9114809 w 11520937"/>
              <a:gd name="connsiteY1" fmla="*/ 0 h 1516989"/>
              <a:gd name="connsiteX2" fmla="*/ 11520937 w 11520937"/>
              <a:gd name="connsiteY2" fmla="*/ 208706 h 1516989"/>
              <a:gd name="connsiteX3" fmla="*/ 11450960 w 11520937"/>
              <a:gd name="connsiteY3" fmla="*/ 1359997 h 1516989"/>
              <a:gd name="connsiteX4" fmla="*/ 329515 w 11520937"/>
              <a:gd name="connsiteY4" fmla="*/ 1029976 h 1516989"/>
              <a:gd name="connsiteX5" fmla="*/ 0 w 11520937"/>
              <a:gd name="connsiteY5" fmla="*/ 542140 h 1516989"/>
              <a:gd name="connsiteX0" fmla="*/ 0 w 11520937"/>
              <a:gd name="connsiteY0" fmla="*/ 542140 h 1562013"/>
              <a:gd name="connsiteX1" fmla="*/ 9114809 w 11520937"/>
              <a:gd name="connsiteY1" fmla="*/ 0 h 1562013"/>
              <a:gd name="connsiteX2" fmla="*/ 11520937 w 11520937"/>
              <a:gd name="connsiteY2" fmla="*/ 208706 h 1562013"/>
              <a:gd name="connsiteX3" fmla="*/ 11450960 w 11520937"/>
              <a:gd name="connsiteY3" fmla="*/ 1359997 h 1562013"/>
              <a:gd name="connsiteX4" fmla="*/ 179534 w 11520937"/>
              <a:gd name="connsiteY4" fmla="*/ 1164351 h 1562013"/>
              <a:gd name="connsiteX5" fmla="*/ 0 w 11520937"/>
              <a:gd name="connsiteY5" fmla="*/ 542140 h 1562013"/>
              <a:gd name="connsiteX0" fmla="*/ 0 w 11520937"/>
              <a:gd name="connsiteY0" fmla="*/ 542140 h 1520033"/>
              <a:gd name="connsiteX1" fmla="*/ 9114809 w 11520937"/>
              <a:gd name="connsiteY1" fmla="*/ 0 h 1520033"/>
              <a:gd name="connsiteX2" fmla="*/ 11520937 w 11520937"/>
              <a:gd name="connsiteY2" fmla="*/ 208706 h 1520033"/>
              <a:gd name="connsiteX3" fmla="*/ 11450960 w 11520937"/>
              <a:gd name="connsiteY3" fmla="*/ 1359997 h 1520033"/>
              <a:gd name="connsiteX4" fmla="*/ 179534 w 11520937"/>
              <a:gd name="connsiteY4" fmla="*/ 1164351 h 1520033"/>
              <a:gd name="connsiteX5" fmla="*/ 0 w 11520937"/>
              <a:gd name="connsiteY5" fmla="*/ 542140 h 1520033"/>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79534 w 11520937"/>
              <a:gd name="connsiteY4" fmla="*/ 1164351 h 1363604"/>
              <a:gd name="connsiteX5" fmla="*/ 0 w 11520937"/>
              <a:gd name="connsiteY5" fmla="*/ 542140 h 1363604"/>
              <a:gd name="connsiteX0" fmla="*/ 1532 w 11522469"/>
              <a:gd name="connsiteY0" fmla="*/ 542140 h 1363604"/>
              <a:gd name="connsiteX1" fmla="*/ 9116341 w 11522469"/>
              <a:gd name="connsiteY1" fmla="*/ 0 h 1363604"/>
              <a:gd name="connsiteX2" fmla="*/ 11522469 w 11522469"/>
              <a:gd name="connsiteY2" fmla="*/ 208706 h 1363604"/>
              <a:gd name="connsiteX3" fmla="*/ 11452492 w 11522469"/>
              <a:gd name="connsiteY3" fmla="*/ 1359997 h 1363604"/>
              <a:gd name="connsiteX4" fmla="*/ 16571 w 11522469"/>
              <a:gd name="connsiteY4" fmla="*/ 1261101 h 1363604"/>
              <a:gd name="connsiteX5" fmla="*/ 1532 w 11522469"/>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5039 w 11520937"/>
              <a:gd name="connsiteY4" fmla="*/ 1261101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15039 w 11520937"/>
              <a:gd name="connsiteY4" fmla="*/ 1261101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8689 w 11520937"/>
              <a:gd name="connsiteY4" fmla="*/ 1271683 h 1363604"/>
              <a:gd name="connsiteX5" fmla="*/ 0 w 11520937"/>
              <a:gd name="connsiteY5" fmla="*/ 542140 h 1363604"/>
              <a:gd name="connsiteX0" fmla="*/ 0 w 11520937"/>
              <a:gd name="connsiteY0" fmla="*/ 542140 h 1363604"/>
              <a:gd name="connsiteX1" fmla="*/ 9114809 w 11520937"/>
              <a:gd name="connsiteY1" fmla="*/ 0 h 1363604"/>
              <a:gd name="connsiteX2" fmla="*/ 11520937 w 11520937"/>
              <a:gd name="connsiteY2" fmla="*/ 208706 h 1363604"/>
              <a:gd name="connsiteX3" fmla="*/ 11450960 w 11520937"/>
              <a:gd name="connsiteY3" fmla="*/ 1359997 h 1363604"/>
              <a:gd name="connsiteX4" fmla="*/ 8689 w 11520937"/>
              <a:gd name="connsiteY4" fmla="*/ 1271683 h 1363604"/>
              <a:gd name="connsiteX5" fmla="*/ 0 w 11520937"/>
              <a:gd name="connsiteY5" fmla="*/ 542140 h 1363604"/>
              <a:gd name="connsiteX0" fmla="*/ 946 w 11521883"/>
              <a:gd name="connsiteY0" fmla="*/ 542140 h 1363604"/>
              <a:gd name="connsiteX1" fmla="*/ 9115755 w 11521883"/>
              <a:gd name="connsiteY1" fmla="*/ 0 h 1363604"/>
              <a:gd name="connsiteX2" fmla="*/ 11521883 w 11521883"/>
              <a:gd name="connsiteY2" fmla="*/ 208706 h 1363604"/>
              <a:gd name="connsiteX3" fmla="*/ 11451906 w 11521883"/>
              <a:gd name="connsiteY3" fmla="*/ 1359997 h 1363604"/>
              <a:gd name="connsiteX4" fmla="*/ 110 w 11521883"/>
              <a:gd name="connsiteY4" fmla="*/ 1268156 h 1363604"/>
              <a:gd name="connsiteX5" fmla="*/ 946 w 11521883"/>
              <a:gd name="connsiteY5" fmla="*/ 542140 h 1363604"/>
              <a:gd name="connsiteX0" fmla="*/ 946 w 11525058"/>
              <a:gd name="connsiteY0" fmla="*/ 542140 h 1359997"/>
              <a:gd name="connsiteX1" fmla="*/ 9115755 w 11525058"/>
              <a:gd name="connsiteY1" fmla="*/ 0 h 1359997"/>
              <a:gd name="connsiteX2" fmla="*/ 11525058 w 11525058"/>
              <a:gd name="connsiteY2" fmla="*/ 169906 h 1359997"/>
              <a:gd name="connsiteX3" fmla="*/ 11451906 w 11525058"/>
              <a:gd name="connsiteY3" fmla="*/ 1359997 h 1359997"/>
              <a:gd name="connsiteX4" fmla="*/ 110 w 11525058"/>
              <a:gd name="connsiteY4" fmla="*/ 1268156 h 1359997"/>
              <a:gd name="connsiteX5" fmla="*/ 946 w 11525058"/>
              <a:gd name="connsiteY5" fmla="*/ 542140 h 1359997"/>
              <a:gd name="connsiteX0" fmla="*/ 946 w 11525073"/>
              <a:gd name="connsiteY0" fmla="*/ 542140 h 1359997"/>
              <a:gd name="connsiteX1" fmla="*/ 9115755 w 11525073"/>
              <a:gd name="connsiteY1" fmla="*/ 0 h 1359997"/>
              <a:gd name="connsiteX2" fmla="*/ 11525058 w 11525073"/>
              <a:gd name="connsiteY2" fmla="*/ 169906 h 1359997"/>
              <a:gd name="connsiteX3" fmla="*/ 11451906 w 11525073"/>
              <a:gd name="connsiteY3" fmla="*/ 1359997 h 1359997"/>
              <a:gd name="connsiteX4" fmla="*/ 110 w 11525073"/>
              <a:gd name="connsiteY4" fmla="*/ 1268156 h 1359997"/>
              <a:gd name="connsiteX5" fmla="*/ 946 w 11525073"/>
              <a:gd name="connsiteY5" fmla="*/ 542140 h 1359997"/>
              <a:gd name="connsiteX0" fmla="*/ 946 w 11526882"/>
              <a:gd name="connsiteY0" fmla="*/ 542140 h 1268286"/>
              <a:gd name="connsiteX1" fmla="*/ 9115755 w 11526882"/>
              <a:gd name="connsiteY1" fmla="*/ 0 h 1268286"/>
              <a:gd name="connsiteX2" fmla="*/ 11525058 w 11526882"/>
              <a:gd name="connsiteY2" fmla="*/ 169906 h 1268286"/>
              <a:gd name="connsiteX3" fmla="*/ 11512231 w 11526882"/>
              <a:gd name="connsiteY3" fmla="*/ 1268286 h 1268286"/>
              <a:gd name="connsiteX4" fmla="*/ 110 w 11526882"/>
              <a:gd name="connsiteY4" fmla="*/ 1268156 h 1268286"/>
              <a:gd name="connsiteX5" fmla="*/ 946 w 11526882"/>
              <a:gd name="connsiteY5" fmla="*/ 542140 h 1268286"/>
              <a:gd name="connsiteX0" fmla="*/ 946 w 11525140"/>
              <a:gd name="connsiteY0" fmla="*/ 542140 h 1268286"/>
              <a:gd name="connsiteX1" fmla="*/ 9115755 w 11525140"/>
              <a:gd name="connsiteY1" fmla="*/ 0 h 1268286"/>
              <a:gd name="connsiteX2" fmla="*/ 11525058 w 11525140"/>
              <a:gd name="connsiteY2" fmla="*/ 169906 h 1268286"/>
              <a:gd name="connsiteX3" fmla="*/ 11512231 w 11525140"/>
              <a:gd name="connsiteY3" fmla="*/ 1268286 h 1268286"/>
              <a:gd name="connsiteX4" fmla="*/ 110 w 11525140"/>
              <a:gd name="connsiteY4" fmla="*/ 1268156 h 1268286"/>
              <a:gd name="connsiteX5" fmla="*/ 946 w 11525140"/>
              <a:gd name="connsiteY5" fmla="*/ 542140 h 1268286"/>
              <a:gd name="connsiteX0" fmla="*/ 946 w 11525270"/>
              <a:gd name="connsiteY0" fmla="*/ 542140 h 1271813"/>
              <a:gd name="connsiteX1" fmla="*/ 9115755 w 11525270"/>
              <a:gd name="connsiteY1" fmla="*/ 0 h 1271813"/>
              <a:gd name="connsiteX2" fmla="*/ 11525058 w 11525270"/>
              <a:gd name="connsiteY2" fmla="*/ 169906 h 1271813"/>
              <a:gd name="connsiteX3" fmla="*/ 11518581 w 11525270"/>
              <a:gd name="connsiteY3" fmla="*/ 1271813 h 1271813"/>
              <a:gd name="connsiteX4" fmla="*/ 110 w 11525270"/>
              <a:gd name="connsiteY4" fmla="*/ 1268156 h 1271813"/>
              <a:gd name="connsiteX5" fmla="*/ 946 w 11525270"/>
              <a:gd name="connsiteY5" fmla="*/ 542140 h 1271813"/>
              <a:gd name="connsiteX0" fmla="*/ 946 w 11527241"/>
              <a:gd name="connsiteY0" fmla="*/ 542140 h 1271813"/>
              <a:gd name="connsiteX1" fmla="*/ 9115755 w 11527241"/>
              <a:gd name="connsiteY1" fmla="*/ 0 h 1271813"/>
              <a:gd name="connsiteX2" fmla="*/ 11525058 w 11527241"/>
              <a:gd name="connsiteY2" fmla="*/ 169906 h 1271813"/>
              <a:gd name="connsiteX3" fmla="*/ 11524931 w 11527241"/>
              <a:gd name="connsiteY3" fmla="*/ 1271813 h 1271813"/>
              <a:gd name="connsiteX4" fmla="*/ 110 w 11527241"/>
              <a:gd name="connsiteY4" fmla="*/ 1268156 h 1271813"/>
              <a:gd name="connsiteX5" fmla="*/ 946 w 11527241"/>
              <a:gd name="connsiteY5" fmla="*/ 542140 h 1271813"/>
              <a:gd name="connsiteX0" fmla="*/ 946 w 11527241"/>
              <a:gd name="connsiteY0" fmla="*/ 573886 h 1303559"/>
              <a:gd name="connsiteX1" fmla="*/ 9030030 w 11527241"/>
              <a:gd name="connsiteY1" fmla="*/ 0 h 1303559"/>
              <a:gd name="connsiteX2" fmla="*/ 11525058 w 11527241"/>
              <a:gd name="connsiteY2" fmla="*/ 201652 h 1303559"/>
              <a:gd name="connsiteX3" fmla="*/ 11524931 w 11527241"/>
              <a:gd name="connsiteY3" fmla="*/ 1303559 h 1303559"/>
              <a:gd name="connsiteX4" fmla="*/ 110 w 11527241"/>
              <a:gd name="connsiteY4" fmla="*/ 1299902 h 1303559"/>
              <a:gd name="connsiteX5" fmla="*/ 946 w 11527241"/>
              <a:gd name="connsiteY5" fmla="*/ 573886 h 1303559"/>
              <a:gd name="connsiteX0" fmla="*/ 946 w 11527241"/>
              <a:gd name="connsiteY0" fmla="*/ 573886 h 1303559"/>
              <a:gd name="connsiteX1" fmla="*/ 9036380 w 11527241"/>
              <a:gd name="connsiteY1" fmla="*/ 0 h 1303559"/>
              <a:gd name="connsiteX2" fmla="*/ 11525058 w 11527241"/>
              <a:gd name="connsiteY2" fmla="*/ 201652 h 1303559"/>
              <a:gd name="connsiteX3" fmla="*/ 11524931 w 11527241"/>
              <a:gd name="connsiteY3" fmla="*/ 1303559 h 1303559"/>
              <a:gd name="connsiteX4" fmla="*/ 110 w 11527241"/>
              <a:gd name="connsiteY4" fmla="*/ 1299902 h 1303559"/>
              <a:gd name="connsiteX5" fmla="*/ 946 w 11527241"/>
              <a:gd name="connsiteY5" fmla="*/ 573886 h 130355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11527241" h="1303559">
                <a:moveTo>
                  <a:pt x="946" y="573886"/>
                </a:moveTo>
                <a:lnTo>
                  <a:pt x="9036380" y="0"/>
                </a:lnTo>
                <a:lnTo>
                  <a:pt x="11525058" y="201652"/>
                </a:lnTo>
                <a:cubicBezTo>
                  <a:pt x="11526116" y="664524"/>
                  <a:pt x="11529461" y="717231"/>
                  <a:pt x="11524931" y="1303559"/>
                </a:cubicBezTo>
                <a:lnTo>
                  <a:pt x="110" y="1299902"/>
                </a:lnTo>
                <a:cubicBezTo>
                  <a:pt x="-750" y="939156"/>
                  <a:pt x="3777" y="902801"/>
                  <a:pt x="946" y="573886"/>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6745" tIns="48372" rIns="96745" bIns="48372" numCol="1" spcCol="0" rtlCol="0" fromWordArt="0" anchor="ctr" anchorCtr="0" forceAA="0" compatLnSpc="1">
            <a:prstTxWarp prst="textNoShape">
              <a:avLst/>
            </a:prstTxWarp>
            <a:noAutofit/>
          </a:bodyPr>
          <a:lstStyle/>
          <a:p>
            <a:pPr algn="ctr"/>
            <a:endParaRPr lang="da-DK" sz="1904" dirty="0">
              <a:latin typeface="Open Sans" panose="020B0606030504020204" pitchFamily="34" charset="0"/>
            </a:endParaRPr>
          </a:p>
        </p:txBody>
      </p:sp>
      <p:sp>
        <p:nvSpPr>
          <p:cNvPr id="12" name="Title 1">
            <a:extLst>
              <a:ext uri="{FF2B5EF4-FFF2-40B4-BE49-F238E27FC236}">
                <a16:creationId xmlns:a16="http://schemas.microsoft.com/office/drawing/2014/main" id="{329FE3A3-0877-9549-9820-361670EFC8B8}"/>
              </a:ext>
            </a:extLst>
          </p:cNvPr>
          <p:cNvSpPr>
            <a:spLocks noGrp="1"/>
          </p:cNvSpPr>
          <p:nvPr>
            <p:ph type="ctrTitle" hasCustomPrompt="1"/>
          </p:nvPr>
        </p:nvSpPr>
        <p:spPr>
          <a:xfrm>
            <a:off x="614203" y="3039228"/>
            <a:ext cx="8750684" cy="2032310"/>
          </a:xfrm>
          <a:prstGeom prst="rect">
            <a:avLst/>
          </a:prstGeom>
        </p:spPr>
        <p:txBody>
          <a:bodyPr anchor="t">
            <a:normAutofit/>
          </a:bodyPr>
          <a:lstStyle>
            <a:lvl1pPr algn="l">
              <a:defRPr lang="da-DK" sz="4867" spc="0" baseline="0" smtClean="0">
                <a:solidFill>
                  <a:schemeClr val="bg1"/>
                </a:solidFill>
                <a:effectLst/>
                <a:latin typeface="+mj-lt"/>
                <a:ea typeface="Open Sans" panose="020B0606030504020204" pitchFamily="34" charset="0"/>
                <a:cs typeface="Open Sans" panose="020B0606030504020204" pitchFamily="34" charset="0"/>
              </a:defRPr>
            </a:lvl1pPr>
          </a:lstStyle>
          <a:p>
            <a:r>
              <a:rPr lang="da-DK" dirty="0"/>
              <a:t>Klik for at tilføje titel</a:t>
            </a:r>
          </a:p>
        </p:txBody>
      </p:sp>
      <p:pic>
        <p:nvPicPr>
          <p:cNvPr id="11" name="Picture 10">
            <a:extLst>
              <a:ext uri="{FF2B5EF4-FFF2-40B4-BE49-F238E27FC236}">
                <a16:creationId xmlns:a16="http://schemas.microsoft.com/office/drawing/2014/main" id="{65300CE7-8646-4ADF-B6CB-771F668653C3}"/>
              </a:ext>
            </a:extLst>
          </p:cNvPr>
          <p:cNvPicPr>
            <a:picLocks noChangeAspect="1"/>
          </p:cNvPicPr>
          <p:nvPr userDrawn="1"/>
        </p:nvPicPr>
        <p:blipFill>
          <a:blip r:embed="rId2"/>
          <a:stretch>
            <a:fillRect/>
          </a:stretch>
        </p:blipFill>
        <p:spPr>
          <a:xfrm>
            <a:off x="30471" y="68578"/>
            <a:ext cx="1813011" cy="1032482"/>
          </a:xfrm>
          <a:prstGeom prst="rect">
            <a:avLst/>
          </a:prstGeom>
        </p:spPr>
      </p:pic>
    </p:spTree>
    <p:extLst>
      <p:ext uri="{BB962C8B-B14F-4D97-AF65-F5344CB8AC3E}">
        <p14:creationId xmlns:p14="http://schemas.microsoft.com/office/powerpoint/2010/main" val="267047589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image" Target="../media/image1.emf"/><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8A9A7C19-9E88-49E4-852F-22254990A64F}"/>
              </a:ext>
            </a:extLst>
          </p:cNvPr>
          <p:cNvSpPr>
            <a:spLocks noGrp="1"/>
          </p:cNvSpPr>
          <p:nvPr>
            <p:ph type="title"/>
          </p:nvPr>
        </p:nvSpPr>
        <p:spPr>
          <a:xfrm>
            <a:off x="613224" y="1409662"/>
            <a:ext cx="10851404" cy="1493480"/>
          </a:xfrm>
          <a:prstGeom prst="rect">
            <a:avLst/>
          </a:prstGeom>
        </p:spPr>
        <p:txBody>
          <a:bodyPr vert="horz" lIns="0" tIns="0" rIns="0" bIns="0" rtlCol="0" anchor="ctr">
            <a:normAutofit/>
          </a:bodyPr>
          <a:lstStyle/>
          <a:p>
            <a:r>
              <a:rPr lang="da-DK" dirty="0"/>
              <a:t>Click to </a:t>
            </a:r>
            <a:r>
              <a:rPr lang="da-DK" dirty="0" err="1"/>
              <a:t>edit</a:t>
            </a:r>
            <a:r>
              <a:rPr lang="da-DK" dirty="0"/>
              <a:t> Master </a:t>
            </a:r>
            <a:r>
              <a:rPr lang="da-DK" dirty="0" err="1"/>
              <a:t>title</a:t>
            </a:r>
            <a:r>
              <a:rPr lang="da-DK" dirty="0"/>
              <a:t> style</a:t>
            </a:r>
          </a:p>
        </p:txBody>
      </p:sp>
      <p:sp>
        <p:nvSpPr>
          <p:cNvPr id="3" name="Text Placeholder 2">
            <a:extLst>
              <a:ext uri="{FF2B5EF4-FFF2-40B4-BE49-F238E27FC236}">
                <a16:creationId xmlns:a16="http://schemas.microsoft.com/office/drawing/2014/main" id="{3B5DF0E2-2399-4657-9B95-3FE3B6DA38B8}"/>
              </a:ext>
            </a:extLst>
          </p:cNvPr>
          <p:cNvSpPr>
            <a:spLocks noGrp="1"/>
          </p:cNvSpPr>
          <p:nvPr>
            <p:ph type="body" idx="1"/>
          </p:nvPr>
        </p:nvSpPr>
        <p:spPr>
          <a:xfrm>
            <a:off x="613224" y="3040298"/>
            <a:ext cx="10851404" cy="3315365"/>
          </a:xfrm>
          <a:prstGeom prst="rect">
            <a:avLst/>
          </a:prstGeom>
        </p:spPr>
        <p:txBody>
          <a:bodyPr vert="horz" lIns="0" tIns="0" rIns="0" bIns="0" rtlCol="0">
            <a:normAutofit/>
          </a:bodyPr>
          <a:lstStyle/>
          <a:p>
            <a:pPr lvl="0"/>
            <a:r>
              <a:rPr lang="da-DK" dirty="0"/>
              <a:t>Edit Master </a:t>
            </a:r>
            <a:r>
              <a:rPr lang="da-DK" dirty="0" err="1"/>
              <a:t>text</a:t>
            </a:r>
            <a:r>
              <a:rPr lang="da-DK" dirty="0"/>
              <a:t> styles</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a:p>
            <a:pPr lvl="5"/>
            <a:r>
              <a:rPr lang="da-DK" dirty="0"/>
              <a:t>6</a:t>
            </a:r>
          </a:p>
          <a:p>
            <a:pPr lvl="6"/>
            <a:r>
              <a:rPr lang="da-DK" dirty="0"/>
              <a:t>7</a:t>
            </a:r>
          </a:p>
          <a:p>
            <a:pPr lvl="7"/>
            <a:r>
              <a:rPr lang="da-DK" dirty="0"/>
              <a:t>8</a:t>
            </a:r>
          </a:p>
          <a:p>
            <a:pPr lvl="8"/>
            <a:r>
              <a:rPr lang="da-DK" dirty="0"/>
              <a:t>9</a:t>
            </a:r>
          </a:p>
        </p:txBody>
      </p:sp>
      <p:pic>
        <p:nvPicPr>
          <p:cNvPr id="9" name="Picture 8">
            <a:extLst>
              <a:ext uri="{FF2B5EF4-FFF2-40B4-BE49-F238E27FC236}">
                <a16:creationId xmlns:a16="http://schemas.microsoft.com/office/drawing/2014/main" id="{4FE3BC11-B014-4038-8634-40E247186EEB}"/>
              </a:ext>
            </a:extLst>
          </p:cNvPr>
          <p:cNvPicPr>
            <a:picLocks noChangeAspect="1"/>
          </p:cNvPicPr>
          <p:nvPr userDrawn="1"/>
        </p:nvPicPr>
        <p:blipFill>
          <a:blip r:embed="rId31"/>
          <a:stretch>
            <a:fillRect/>
          </a:stretch>
        </p:blipFill>
        <p:spPr>
          <a:xfrm>
            <a:off x="30471" y="68578"/>
            <a:ext cx="1813011" cy="1032482"/>
          </a:xfrm>
          <a:prstGeom prst="rect">
            <a:avLst/>
          </a:prstGeom>
        </p:spPr>
      </p:pic>
    </p:spTree>
    <p:extLst>
      <p:ext uri="{BB962C8B-B14F-4D97-AF65-F5344CB8AC3E}">
        <p14:creationId xmlns:p14="http://schemas.microsoft.com/office/powerpoint/2010/main" val="227309553"/>
      </p:ext>
    </p:extLst>
  </p:cSld>
  <p:clrMap bg1="lt1" tx1="dk1" bg2="lt2" tx2="dk2" accent1="accent1" accent2="accent2" accent3="accent3" accent4="accent4" accent5="accent5" accent6="accent6" hlink="hlink" folHlink="folHlink"/>
  <p:sldLayoutIdLst>
    <p:sldLayoutId id="2147483684" r:id="rId1"/>
    <p:sldLayoutId id="2147483710" r:id="rId2"/>
    <p:sldLayoutId id="2147483675" r:id="rId3"/>
    <p:sldLayoutId id="2147483687" r:id="rId4"/>
    <p:sldLayoutId id="2147483689" r:id="rId5"/>
    <p:sldLayoutId id="2147483686" r:id="rId6"/>
    <p:sldLayoutId id="2147483688" r:id="rId7"/>
    <p:sldLayoutId id="2147483690" r:id="rId8"/>
    <p:sldLayoutId id="2147483691" r:id="rId9"/>
    <p:sldLayoutId id="2147483692" r:id="rId10"/>
    <p:sldLayoutId id="2147483695" r:id="rId11"/>
    <p:sldLayoutId id="2147483705" r:id="rId12"/>
    <p:sldLayoutId id="2147483706" r:id="rId13"/>
    <p:sldLayoutId id="2147483697" r:id="rId14"/>
    <p:sldLayoutId id="2147483702" r:id="rId15"/>
    <p:sldLayoutId id="2147483707" r:id="rId16"/>
    <p:sldLayoutId id="2147483694" r:id="rId17"/>
    <p:sldLayoutId id="2147483704" r:id="rId18"/>
    <p:sldLayoutId id="2147483708" r:id="rId19"/>
    <p:sldLayoutId id="2147483696" r:id="rId20"/>
    <p:sldLayoutId id="2147483703" r:id="rId21"/>
    <p:sldLayoutId id="2147483709" r:id="rId22"/>
    <p:sldLayoutId id="2147483698" r:id="rId23"/>
    <p:sldLayoutId id="2147483700" r:id="rId24"/>
    <p:sldLayoutId id="2147483711" r:id="rId25"/>
    <p:sldLayoutId id="2147483713" r:id="rId26"/>
    <p:sldLayoutId id="2147483714" r:id="rId27"/>
    <p:sldLayoutId id="2147483715" r:id="rId28"/>
    <p:sldLayoutId id="2147483716" r:id="rId29"/>
  </p:sldLayoutIdLst>
  <p:hf sldNum="0" hdr="0" ftr="0" dt="0"/>
  <p:txStyles>
    <p:titleStyle>
      <a:lvl1pPr algn="l" defTabSz="914130" rtl="0" eaLnBrk="1" latinLnBrk="0" hangingPunct="1">
        <a:lnSpc>
          <a:spcPct val="90000"/>
        </a:lnSpc>
        <a:spcBef>
          <a:spcPct val="0"/>
        </a:spcBef>
        <a:buNone/>
        <a:defRPr sz="3200" kern="1200">
          <a:solidFill>
            <a:schemeClr val="tx1"/>
          </a:solidFill>
          <a:latin typeface="+mj-lt"/>
          <a:ea typeface="Open Sans Light" panose="020B0306030504020204" pitchFamily="34" charset="0"/>
          <a:cs typeface="Open Sans Light" panose="020B0306030504020204" pitchFamily="34" charset="0"/>
        </a:defRPr>
      </a:lvl1pPr>
    </p:titleStyle>
    <p:bodyStyle>
      <a:lvl1pPr marL="228532" indent="-228532" algn="l" defTabSz="914130" rtl="0" eaLnBrk="1" latinLnBrk="0" hangingPunct="1">
        <a:lnSpc>
          <a:spcPct val="90000"/>
        </a:lnSpc>
        <a:spcBef>
          <a:spcPts val="952"/>
        </a:spcBef>
        <a:buClr>
          <a:schemeClr val="accent2"/>
        </a:buClr>
        <a:buFont typeface="Arial" panose="020B0604020202020204" pitchFamily="34" charset="0"/>
        <a:buChar char="•"/>
        <a:defRPr sz="2000" kern="1200">
          <a:solidFill>
            <a:schemeClr val="tx1"/>
          </a:solidFill>
          <a:latin typeface="+mn-lt"/>
          <a:ea typeface="Open Sans Light" panose="020B0306030504020204" pitchFamily="34" charset="0"/>
          <a:cs typeface="Open Sans Light" panose="020B0306030504020204" pitchFamily="34" charset="0"/>
        </a:defRPr>
      </a:lvl1pPr>
      <a:lvl2pPr marL="457056" indent="-228532" algn="l" defTabSz="914130" rtl="0" eaLnBrk="1" latinLnBrk="0" hangingPunct="1">
        <a:lnSpc>
          <a:spcPct val="90000"/>
        </a:lnSpc>
        <a:spcBef>
          <a:spcPts val="497"/>
        </a:spcBef>
        <a:buClr>
          <a:schemeClr val="accent2"/>
        </a:buClr>
        <a:buFont typeface="Arial" panose="020B0604020202020204" pitchFamily="34" charset="0"/>
        <a:buChar char="•"/>
        <a:defRPr sz="1800" kern="1200">
          <a:solidFill>
            <a:schemeClr val="tx1"/>
          </a:solidFill>
          <a:latin typeface="+mn-lt"/>
          <a:ea typeface="Open Sans Light" panose="020B0306030504020204" pitchFamily="34" charset="0"/>
          <a:cs typeface="Open Sans Light" panose="020B0306030504020204" pitchFamily="34" charset="0"/>
        </a:defRPr>
      </a:lvl2pPr>
      <a:lvl3pPr marL="685584" indent="-228532" algn="l" defTabSz="914130" rtl="0" eaLnBrk="1" latinLnBrk="0" hangingPunct="1">
        <a:lnSpc>
          <a:spcPct val="90000"/>
        </a:lnSpc>
        <a:spcBef>
          <a:spcPts val="497"/>
        </a:spcBef>
        <a:buClr>
          <a:schemeClr val="accent2"/>
        </a:buClr>
        <a:buFont typeface="Arial" panose="020B0604020202020204" pitchFamily="34" charset="0"/>
        <a:buChar char="•"/>
        <a:defRPr sz="1600" kern="1200">
          <a:solidFill>
            <a:schemeClr val="tx1"/>
          </a:solidFill>
          <a:latin typeface="+mn-lt"/>
          <a:ea typeface="Open Sans Light" panose="020B0306030504020204" pitchFamily="34" charset="0"/>
          <a:cs typeface="Open Sans Light" panose="020B0306030504020204" pitchFamily="34" charset="0"/>
        </a:defRPr>
      </a:lvl3pPr>
      <a:lvl4pPr marL="914112" indent="-228532" algn="l" defTabSz="914130" rtl="0" eaLnBrk="1" latinLnBrk="0" hangingPunct="1">
        <a:lnSpc>
          <a:spcPct val="90000"/>
        </a:lnSpc>
        <a:spcBef>
          <a:spcPts val="497"/>
        </a:spcBef>
        <a:buClr>
          <a:schemeClr val="accent2"/>
        </a:buClr>
        <a:buFont typeface="Arial" panose="020B0604020202020204" pitchFamily="34" charset="0"/>
        <a:buChar char="•"/>
        <a:defRPr sz="1600" kern="1200">
          <a:solidFill>
            <a:schemeClr val="tx1"/>
          </a:solidFill>
          <a:latin typeface="+mn-lt"/>
          <a:ea typeface="Open Sans Light" panose="020B0306030504020204" pitchFamily="34" charset="0"/>
          <a:cs typeface="Open Sans Light" panose="020B0306030504020204" pitchFamily="34" charset="0"/>
        </a:defRPr>
      </a:lvl4pPr>
      <a:lvl5pPr marL="1218816" indent="-228532" algn="l" defTabSz="914130" rtl="0" eaLnBrk="1" latinLnBrk="0" hangingPunct="1">
        <a:lnSpc>
          <a:spcPct val="90000"/>
        </a:lnSpc>
        <a:spcBef>
          <a:spcPts val="497"/>
        </a:spcBef>
        <a:buClr>
          <a:schemeClr val="accent2"/>
        </a:buClr>
        <a:buFont typeface="Arial" panose="020B0604020202020204" pitchFamily="34" charset="0"/>
        <a:buChar char="•"/>
        <a:defRPr sz="1600" kern="1200">
          <a:solidFill>
            <a:schemeClr val="tx1"/>
          </a:solidFill>
          <a:latin typeface="+mn-lt"/>
          <a:ea typeface="Open Sans Light" panose="020B0306030504020204" pitchFamily="34" charset="0"/>
          <a:cs typeface="Open Sans Light" panose="020B0306030504020204" pitchFamily="34" charset="0"/>
        </a:defRPr>
      </a:lvl5pPr>
      <a:lvl6pPr marL="1218816" indent="-228532" algn="l" defTabSz="914130" rtl="0" eaLnBrk="1" latinLnBrk="0" hangingPunct="1">
        <a:lnSpc>
          <a:spcPct val="90000"/>
        </a:lnSpc>
        <a:spcBef>
          <a:spcPts val="497"/>
        </a:spcBef>
        <a:buClr>
          <a:schemeClr val="accent2"/>
        </a:buClr>
        <a:buFont typeface="Arial" panose="020B0604020202020204" pitchFamily="34" charset="0"/>
        <a:buChar char="•"/>
        <a:defRPr sz="1600" kern="1200">
          <a:solidFill>
            <a:schemeClr val="tx1"/>
          </a:solidFill>
          <a:latin typeface="+mn-lt"/>
          <a:ea typeface="Open Sans Light" panose="020B0306030504020204" pitchFamily="34" charset="0"/>
          <a:cs typeface="Open Sans Light" panose="020B0306030504020204" pitchFamily="34" charset="0"/>
        </a:defRPr>
      </a:lvl6pPr>
      <a:lvl7pPr marL="1218816" indent="-228532" algn="l" defTabSz="914130" rtl="0" eaLnBrk="1" latinLnBrk="0" hangingPunct="1">
        <a:lnSpc>
          <a:spcPct val="90000"/>
        </a:lnSpc>
        <a:spcBef>
          <a:spcPts val="497"/>
        </a:spcBef>
        <a:buClr>
          <a:schemeClr val="accent2"/>
        </a:buClr>
        <a:buFont typeface="Arial" panose="020B0604020202020204" pitchFamily="34" charset="0"/>
        <a:buChar char="•"/>
        <a:defRPr sz="1600" kern="1200">
          <a:solidFill>
            <a:schemeClr val="tx1"/>
          </a:solidFill>
          <a:latin typeface="+mn-lt"/>
          <a:ea typeface="Open Sans Light" panose="020B0306030504020204" pitchFamily="34" charset="0"/>
          <a:cs typeface="Open Sans Light" panose="020B0306030504020204" pitchFamily="34" charset="0"/>
        </a:defRPr>
      </a:lvl7pPr>
      <a:lvl8pPr marL="1218816" indent="-228532" algn="l" defTabSz="914130" rtl="0" eaLnBrk="1" latinLnBrk="0" hangingPunct="1">
        <a:lnSpc>
          <a:spcPct val="90000"/>
        </a:lnSpc>
        <a:spcBef>
          <a:spcPts val="497"/>
        </a:spcBef>
        <a:buClr>
          <a:schemeClr val="accent2"/>
        </a:buClr>
        <a:buFont typeface="Arial" panose="020B0604020202020204" pitchFamily="34" charset="0"/>
        <a:buChar char="•"/>
        <a:defRPr sz="1600" kern="1200">
          <a:solidFill>
            <a:schemeClr val="tx1"/>
          </a:solidFill>
          <a:latin typeface="+mn-lt"/>
          <a:ea typeface="Open Sans Light" panose="020B0306030504020204" pitchFamily="34" charset="0"/>
          <a:cs typeface="Open Sans Light" panose="020B0306030504020204" pitchFamily="34" charset="0"/>
        </a:defRPr>
      </a:lvl8pPr>
      <a:lvl9pPr marL="1218816" indent="-228532" algn="l" defTabSz="914130" rtl="0" eaLnBrk="1" latinLnBrk="0" hangingPunct="1">
        <a:lnSpc>
          <a:spcPct val="90000"/>
        </a:lnSpc>
        <a:spcBef>
          <a:spcPts val="497"/>
        </a:spcBef>
        <a:buClr>
          <a:schemeClr val="accent2"/>
        </a:buClr>
        <a:buFont typeface="Arial" panose="020B0604020202020204" pitchFamily="34" charset="0"/>
        <a:buChar char="•"/>
        <a:defRPr sz="1600" kern="1200">
          <a:solidFill>
            <a:schemeClr val="tx1"/>
          </a:solidFill>
          <a:latin typeface="+mn-lt"/>
          <a:ea typeface="Open Sans Light" panose="020B0306030504020204" pitchFamily="34" charset="0"/>
          <a:cs typeface="Open Sans Light" panose="020B0306030504020204" pitchFamily="34" charset="0"/>
        </a:defRPr>
      </a:lvl9pPr>
    </p:bodyStyle>
    <p:otherStyle>
      <a:defPPr>
        <a:defRPr lang="en-US"/>
      </a:defPPr>
      <a:lvl1pPr marL="0" algn="l" defTabSz="914130" rtl="0" eaLnBrk="1" latinLnBrk="0" hangingPunct="1">
        <a:defRPr sz="1800" kern="1200">
          <a:solidFill>
            <a:schemeClr val="tx1"/>
          </a:solidFill>
          <a:latin typeface="+mn-lt"/>
          <a:ea typeface="+mn-ea"/>
          <a:cs typeface="+mn-cs"/>
        </a:defRPr>
      </a:lvl1pPr>
      <a:lvl2pPr marL="457064" algn="l" defTabSz="914130" rtl="0" eaLnBrk="1" latinLnBrk="0" hangingPunct="1">
        <a:defRPr sz="1800" kern="1200">
          <a:solidFill>
            <a:schemeClr val="tx1"/>
          </a:solidFill>
          <a:latin typeface="+mn-lt"/>
          <a:ea typeface="+mn-ea"/>
          <a:cs typeface="+mn-cs"/>
        </a:defRPr>
      </a:lvl2pPr>
      <a:lvl3pPr marL="914130" algn="l" defTabSz="914130" rtl="0" eaLnBrk="1" latinLnBrk="0" hangingPunct="1">
        <a:defRPr sz="1800" kern="1200">
          <a:solidFill>
            <a:schemeClr val="tx1"/>
          </a:solidFill>
          <a:latin typeface="+mn-lt"/>
          <a:ea typeface="+mn-ea"/>
          <a:cs typeface="+mn-cs"/>
        </a:defRPr>
      </a:lvl3pPr>
      <a:lvl4pPr marL="1371194" algn="l" defTabSz="914130" rtl="0" eaLnBrk="1" latinLnBrk="0" hangingPunct="1">
        <a:defRPr sz="1800" kern="1200">
          <a:solidFill>
            <a:schemeClr val="tx1"/>
          </a:solidFill>
          <a:latin typeface="+mn-lt"/>
          <a:ea typeface="+mn-ea"/>
          <a:cs typeface="+mn-cs"/>
        </a:defRPr>
      </a:lvl4pPr>
      <a:lvl5pPr marL="1828259" algn="l" defTabSz="914130" rtl="0" eaLnBrk="1" latinLnBrk="0" hangingPunct="1">
        <a:defRPr sz="1800" kern="1200">
          <a:solidFill>
            <a:schemeClr val="tx1"/>
          </a:solidFill>
          <a:latin typeface="+mn-lt"/>
          <a:ea typeface="+mn-ea"/>
          <a:cs typeface="+mn-cs"/>
        </a:defRPr>
      </a:lvl5pPr>
      <a:lvl6pPr marL="2285323" algn="l" defTabSz="914130" rtl="0" eaLnBrk="1" latinLnBrk="0" hangingPunct="1">
        <a:defRPr sz="1800" kern="1200">
          <a:solidFill>
            <a:schemeClr val="tx1"/>
          </a:solidFill>
          <a:latin typeface="+mn-lt"/>
          <a:ea typeface="+mn-ea"/>
          <a:cs typeface="+mn-cs"/>
        </a:defRPr>
      </a:lvl6pPr>
      <a:lvl7pPr marL="2742389" algn="l" defTabSz="914130" rtl="0" eaLnBrk="1" latinLnBrk="0" hangingPunct="1">
        <a:defRPr sz="1800" kern="1200">
          <a:solidFill>
            <a:schemeClr val="tx1"/>
          </a:solidFill>
          <a:latin typeface="+mn-lt"/>
          <a:ea typeface="+mn-ea"/>
          <a:cs typeface="+mn-cs"/>
        </a:defRPr>
      </a:lvl7pPr>
      <a:lvl8pPr marL="3199453" algn="l" defTabSz="914130" rtl="0" eaLnBrk="1" latinLnBrk="0" hangingPunct="1">
        <a:defRPr sz="1800" kern="1200">
          <a:solidFill>
            <a:schemeClr val="tx1"/>
          </a:solidFill>
          <a:latin typeface="+mn-lt"/>
          <a:ea typeface="+mn-ea"/>
          <a:cs typeface="+mn-cs"/>
        </a:defRPr>
      </a:lvl8pPr>
      <a:lvl9pPr marL="3656518" algn="l" defTabSz="91413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orient="horz" pos="888" userDrawn="1">
          <p15:clr>
            <a:srgbClr val="F26B43"/>
          </p15:clr>
        </p15:guide>
        <p15:guide id="2" pos="384" userDrawn="1">
          <p15:clr>
            <a:srgbClr val="F26B43"/>
          </p15:clr>
        </p15:guide>
        <p15:guide id="3" pos="7222" userDrawn="1">
          <p15:clr>
            <a:srgbClr val="F26B43"/>
          </p15:clr>
        </p15:guide>
        <p15:guide id="4" orient="horz" pos="1829" userDrawn="1">
          <p15:clr>
            <a:srgbClr val="F26B43"/>
          </p15:clr>
        </p15:guide>
        <p15:guide id="5" orient="horz" pos="1914" userDrawn="1">
          <p15:clr>
            <a:srgbClr val="F26B43"/>
          </p15:clr>
        </p15:guide>
        <p15:guide id="6" orient="horz" pos="4241" userDrawn="1">
          <p15:clr>
            <a:srgbClr val="F26B43"/>
          </p15:clr>
        </p15:guide>
        <p15:guide id="7" orient="horz" pos="4005"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3.xml"/></Relationships>
</file>

<file path=ppt/slides/_rels/slide10.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13.xml"/></Relationships>
</file>

<file path=ppt/slides/_rels/slide11.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xml"/></Relationships>
</file>

<file path=ppt/slides/_rels/slide12.xml.rels><?xml version="1.0" encoding="UTF-8" standalone="yes"?>
<Relationships xmlns="http://schemas.openxmlformats.org/package/2006/relationships"><Relationship Id="rId8" Type="http://schemas.openxmlformats.org/officeDocument/2006/relationships/image" Target="../media/image22.png"/><Relationship Id="rId13" Type="http://schemas.openxmlformats.org/officeDocument/2006/relationships/image" Target="../media/image27.png"/><Relationship Id="rId3" Type="http://schemas.openxmlformats.org/officeDocument/2006/relationships/diagramLayout" Target="../diagrams/layout1.xml"/><Relationship Id="rId7" Type="http://schemas.openxmlformats.org/officeDocument/2006/relationships/image" Target="../media/image21.png"/><Relationship Id="rId12" Type="http://schemas.openxmlformats.org/officeDocument/2006/relationships/image" Target="../media/image26.png"/><Relationship Id="rId2" Type="http://schemas.openxmlformats.org/officeDocument/2006/relationships/diagramData" Target="../diagrams/data1.xml"/><Relationship Id="rId1" Type="http://schemas.openxmlformats.org/officeDocument/2006/relationships/slideLayout" Target="../slideLayouts/slideLayout29.xml"/><Relationship Id="rId6" Type="http://schemas.microsoft.com/office/2007/relationships/diagramDrawing" Target="../diagrams/drawing1.xml"/><Relationship Id="rId11" Type="http://schemas.openxmlformats.org/officeDocument/2006/relationships/image" Target="../media/image25.png"/><Relationship Id="rId5" Type="http://schemas.openxmlformats.org/officeDocument/2006/relationships/diagramColors" Target="../diagrams/colors1.xml"/><Relationship Id="rId10" Type="http://schemas.openxmlformats.org/officeDocument/2006/relationships/image" Target="../media/image24.png"/><Relationship Id="rId4" Type="http://schemas.openxmlformats.org/officeDocument/2006/relationships/diagramQuickStyle" Target="../diagrams/quickStyle1.xml"/><Relationship Id="rId9" Type="http://schemas.openxmlformats.org/officeDocument/2006/relationships/image" Target="../media/image23.png"/><Relationship Id="rId14" Type="http://schemas.openxmlformats.org/officeDocument/2006/relationships/image" Target="../media/image28.png"/></Relationships>
</file>

<file path=ppt/slides/_rels/slide13.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7.xml"/><Relationship Id="rId1" Type="http://schemas.openxmlformats.org/officeDocument/2006/relationships/slideLayout" Target="../slideLayouts/slideLayout29.xml"/><Relationship Id="rId4" Type="http://schemas.openxmlformats.org/officeDocument/2006/relationships/image" Target="../media/image28.png"/></Relationships>
</file>

<file path=ppt/slides/_rels/slide14.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28.xml"/></Relationships>
</file>

<file path=ppt/slides/_rels/slide15.xml.rels><?xml version="1.0" encoding="UTF-8" standalone="yes"?>
<Relationships xmlns="http://schemas.openxmlformats.org/package/2006/relationships"><Relationship Id="rId3" Type="http://schemas.openxmlformats.org/officeDocument/2006/relationships/slideLayout" Target="../slideLayouts/slideLayout28.xml"/><Relationship Id="rId2" Type="http://schemas.openxmlformats.org/officeDocument/2006/relationships/video" Target="../media/media1.mp4"/><Relationship Id="rId1" Type="http://schemas.microsoft.com/office/2007/relationships/media" Target="../media/media1.mp4"/><Relationship Id="rId5" Type="http://schemas.openxmlformats.org/officeDocument/2006/relationships/image" Target="../media/image30.png"/><Relationship Id="rId4" Type="http://schemas.openxmlformats.org/officeDocument/2006/relationships/notesSlide" Target="../notesSlides/notesSlide8.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13.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3" Type="http://schemas.openxmlformats.org/officeDocument/2006/relationships/tags" Target="../tags/tag1.xml"/><Relationship Id="rId7" Type="http://schemas.openxmlformats.org/officeDocument/2006/relationships/image" Target="../media/image3.bin"/><Relationship Id="rId2" Type="http://schemas.openxmlformats.org/officeDocument/2006/relationships/customXml" Target="../../customXml/item3.xml"/><Relationship Id="rId1" Type="http://schemas.openxmlformats.org/officeDocument/2006/relationships/customXml" Target="../../customXml/item7.xml"/><Relationship Id="rId6" Type="http://schemas.openxmlformats.org/officeDocument/2006/relationships/image" Target="../media/image1.emf"/><Relationship Id="rId5" Type="http://schemas.openxmlformats.org/officeDocument/2006/relationships/notesSlide" Target="../notesSlides/notesSlide2.xml"/><Relationship Id="rId4" Type="http://schemas.openxmlformats.org/officeDocument/2006/relationships/slideLayout" Target="../slideLayouts/slideLayout25.xml"/></Relationships>
</file>

<file path=ppt/slides/_rels/slide3.xml.rels><?xml version="1.0" encoding="UTF-8" standalone="yes"?>
<Relationships xmlns="http://schemas.openxmlformats.org/package/2006/relationships"><Relationship Id="rId8" Type="http://schemas.openxmlformats.org/officeDocument/2006/relationships/image" Target="../media/image7.bin"/><Relationship Id="rId13" Type="http://schemas.openxmlformats.org/officeDocument/2006/relationships/image" Target="../media/image12.bin"/><Relationship Id="rId3" Type="http://schemas.openxmlformats.org/officeDocument/2006/relationships/slideLayout" Target="../slideLayouts/slideLayout27.xml"/><Relationship Id="rId7" Type="http://schemas.openxmlformats.org/officeDocument/2006/relationships/image" Target="../media/image6.bin"/><Relationship Id="rId12" Type="http://schemas.openxmlformats.org/officeDocument/2006/relationships/image" Target="../media/image11.bin"/><Relationship Id="rId2" Type="http://schemas.openxmlformats.org/officeDocument/2006/relationships/customXml" Target="../../customXml/item5.xml"/><Relationship Id="rId16" Type="http://schemas.openxmlformats.org/officeDocument/2006/relationships/image" Target="../media/image15.bin"/><Relationship Id="rId1" Type="http://schemas.openxmlformats.org/officeDocument/2006/relationships/customXml" Target="../../customXml/item2.xml"/><Relationship Id="rId6" Type="http://schemas.openxmlformats.org/officeDocument/2006/relationships/image" Target="../media/image5.bin"/><Relationship Id="rId11" Type="http://schemas.openxmlformats.org/officeDocument/2006/relationships/image" Target="../media/image10.bin"/><Relationship Id="rId5" Type="http://schemas.microsoft.com/office/2007/relationships/hdphoto" Target="../media/hdphoto1.wdp"/><Relationship Id="rId15" Type="http://schemas.openxmlformats.org/officeDocument/2006/relationships/image" Target="../media/image14.bin"/><Relationship Id="rId10" Type="http://schemas.openxmlformats.org/officeDocument/2006/relationships/image" Target="../media/image9.bin"/><Relationship Id="rId4" Type="http://schemas.openxmlformats.org/officeDocument/2006/relationships/image" Target="../media/image4.bin"/><Relationship Id="rId9" Type="http://schemas.openxmlformats.org/officeDocument/2006/relationships/image" Target="../media/image8.bin"/><Relationship Id="rId14" Type="http://schemas.openxmlformats.org/officeDocument/2006/relationships/image" Target="../media/image13.bin"/></Relationships>
</file>

<file path=ppt/slides/_rels/slide4.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9.xml"/><Relationship Id="rId1" Type="http://schemas.openxmlformats.org/officeDocument/2006/relationships/customXml" Target="../../customXml/item6.xml"/><Relationship Id="rId6" Type="http://schemas.openxmlformats.org/officeDocument/2006/relationships/image" Target="../media/image1.emf"/><Relationship Id="rId5" Type="http://schemas.openxmlformats.org/officeDocument/2006/relationships/notesSlide" Target="../notesSlides/notesSlide3.xml"/><Relationship Id="rId4" Type="http://schemas.openxmlformats.org/officeDocument/2006/relationships/slideLayout" Target="../slideLayouts/slideLayout26.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3.xml"/></Relationships>
</file>

<file path=ppt/slides/_rels/slide6.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13.xml"/></Relationships>
</file>

<file path=ppt/slides/_rels/slide7.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13.xml"/></Relationships>
</file>

<file path=ppt/slides/_rels/slide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5.xml"/><Relationship Id="rId1" Type="http://schemas.openxmlformats.org/officeDocument/2006/relationships/slideLayout" Target="../slideLayouts/slideLayout13.xml"/><Relationship Id="rId4" Type="http://schemas.openxmlformats.org/officeDocument/2006/relationships/hyperlink" Target="https://emu.dk/grundskole/teknologiforstaaelse" TargetMode="External"/></Relationships>
</file>

<file path=ppt/slides/_rels/slide9.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1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9689BB9-2CFD-48BD-8C26-7A1A6E576ADB}"/>
              </a:ext>
            </a:extLst>
          </p:cNvPr>
          <p:cNvSpPr>
            <a:spLocks noGrp="1"/>
          </p:cNvSpPr>
          <p:nvPr>
            <p:ph type="ctrTitle"/>
          </p:nvPr>
        </p:nvSpPr>
        <p:spPr/>
        <p:txBody>
          <a:bodyPr/>
          <a:lstStyle/>
          <a:p>
            <a:pPr>
              <a:lnSpc>
                <a:spcPct val="120000"/>
              </a:lnSpc>
            </a:pPr>
            <a:r>
              <a:rPr lang="da-DK" sz="3600" dirty="0"/>
              <a:t>Digitale kompetencer, profiler og læring</a:t>
            </a:r>
            <a:br>
              <a:rPr lang="da-DK" sz="3600" dirty="0"/>
            </a:br>
            <a:r>
              <a:rPr lang="da-DK" sz="3600" dirty="0"/>
              <a:t/>
            </a:r>
            <a:br>
              <a:rPr lang="da-DK" sz="3600" dirty="0"/>
            </a:br>
            <a:r>
              <a:rPr lang="da-DK" sz="3600" dirty="0"/>
              <a:t/>
            </a:r>
            <a:br>
              <a:rPr lang="da-DK" sz="3600" dirty="0"/>
            </a:br>
            <a:r>
              <a:rPr lang="da-DK" sz="2000" dirty="0"/>
              <a:t>Møde i aftagerpanelet på DPU Aarhus </a:t>
            </a:r>
            <a:r>
              <a:rPr lang="da-DK" sz="2000" dirty="0" err="1"/>
              <a:t>Universitetan</a:t>
            </a:r>
            <a:r>
              <a:rPr lang="da-DK" sz="2000" dirty="0"/>
              <a:t>, 7. marts 2022</a:t>
            </a:r>
            <a:br>
              <a:rPr lang="da-DK" sz="2000" dirty="0"/>
            </a:br>
            <a:r>
              <a:rPr lang="da-DK" sz="2000" dirty="0"/>
              <a:t>Martin Grønbæk Jensen</a:t>
            </a:r>
            <a:endParaRPr lang="da-DK" dirty="0"/>
          </a:p>
        </p:txBody>
      </p:sp>
    </p:spTree>
    <p:extLst>
      <p:ext uri="{BB962C8B-B14F-4D97-AF65-F5344CB8AC3E}">
        <p14:creationId xmlns:p14="http://schemas.microsoft.com/office/powerpoint/2010/main" val="103478991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CFF332D-9E04-4864-B407-BB307EBB4492}"/>
              </a:ext>
            </a:extLst>
          </p:cNvPr>
          <p:cNvSpPr>
            <a:spLocks noGrp="1"/>
          </p:cNvSpPr>
          <p:nvPr>
            <p:ph type="title"/>
          </p:nvPr>
        </p:nvSpPr>
        <p:spPr>
          <a:xfrm>
            <a:off x="612000" y="1226782"/>
            <a:ext cx="10851404" cy="1493480"/>
          </a:xfrm>
        </p:spPr>
        <p:txBody>
          <a:bodyPr/>
          <a:lstStyle/>
          <a:p>
            <a:r>
              <a:rPr lang="da-DK" dirty="0"/>
              <a:t>Læringselementer i </a:t>
            </a:r>
            <a:br>
              <a:rPr lang="da-DK" dirty="0"/>
            </a:br>
            <a:r>
              <a:rPr lang="da-DK" dirty="0"/>
              <a:t>Machine learning</a:t>
            </a:r>
          </a:p>
        </p:txBody>
      </p:sp>
      <p:sp>
        <p:nvSpPr>
          <p:cNvPr id="3" name="Pladsholder til indhold 2">
            <a:extLst>
              <a:ext uri="{FF2B5EF4-FFF2-40B4-BE49-F238E27FC236}">
                <a16:creationId xmlns:a16="http://schemas.microsoft.com/office/drawing/2014/main" id="{C4E6A695-7865-449F-99E1-C5FBD41768D6}"/>
              </a:ext>
            </a:extLst>
          </p:cNvPr>
          <p:cNvSpPr>
            <a:spLocks noGrp="1"/>
          </p:cNvSpPr>
          <p:nvPr>
            <p:ph sz="quarter" idx="10"/>
          </p:nvPr>
        </p:nvSpPr>
        <p:spPr>
          <a:xfrm>
            <a:off x="612000" y="3038476"/>
            <a:ext cx="3218855" cy="2823310"/>
          </a:xfrm>
        </p:spPr>
        <p:txBody>
          <a:bodyPr/>
          <a:lstStyle/>
          <a:p>
            <a:r>
              <a:rPr lang="da-DK" dirty="0"/>
              <a:t>Ny forskning fra Aarhus Universitet</a:t>
            </a:r>
          </a:p>
          <a:p>
            <a:r>
              <a:rPr lang="da-DK" dirty="0"/>
              <a:t>Nyt felt og nye målgrupper på vej</a:t>
            </a:r>
          </a:p>
          <a:p>
            <a:r>
              <a:rPr lang="da-DK" dirty="0"/>
              <a:t>8 læringselementer koblet til designmodellen</a:t>
            </a:r>
          </a:p>
          <a:p>
            <a:r>
              <a:rPr lang="da-DK" dirty="0"/>
              <a:t>Fokus på eksempler og konkrete læringsværktøjer</a:t>
            </a:r>
          </a:p>
          <a:p>
            <a:endParaRPr lang="da-DK" dirty="0"/>
          </a:p>
        </p:txBody>
      </p:sp>
      <p:pic>
        <p:nvPicPr>
          <p:cNvPr id="4" name="Pladsholder til indhold 4">
            <a:extLst>
              <a:ext uri="{FF2B5EF4-FFF2-40B4-BE49-F238E27FC236}">
                <a16:creationId xmlns:a16="http://schemas.microsoft.com/office/drawing/2014/main" id="{3030FBB7-3163-4923-B232-CE7CFC52247F}"/>
              </a:ext>
            </a:extLst>
          </p:cNvPr>
          <p:cNvPicPr>
            <a:picLocks noChangeAspect="1"/>
          </p:cNvPicPr>
          <p:nvPr/>
        </p:nvPicPr>
        <p:blipFill rotWithShape="1">
          <a:blip r:embed="rId2"/>
          <a:srcRect r="727"/>
          <a:stretch/>
        </p:blipFill>
        <p:spPr>
          <a:xfrm>
            <a:off x="6038926" y="326696"/>
            <a:ext cx="5184823" cy="5722224"/>
          </a:xfrm>
          <a:prstGeom prst="rect">
            <a:avLst/>
          </a:prstGeom>
        </p:spPr>
      </p:pic>
      <p:sp>
        <p:nvSpPr>
          <p:cNvPr id="5" name="Tekstfelt 4">
            <a:extLst>
              <a:ext uri="{FF2B5EF4-FFF2-40B4-BE49-F238E27FC236}">
                <a16:creationId xmlns:a16="http://schemas.microsoft.com/office/drawing/2014/main" id="{8199B0BD-B459-4442-B083-DFE8BDB2E737}"/>
              </a:ext>
            </a:extLst>
          </p:cNvPr>
          <p:cNvSpPr txBox="1"/>
          <p:nvPr/>
        </p:nvSpPr>
        <p:spPr>
          <a:xfrm>
            <a:off x="6094412" y="6048920"/>
            <a:ext cx="5646650" cy="523220"/>
          </a:xfrm>
          <a:prstGeom prst="rect">
            <a:avLst/>
          </a:prstGeom>
          <a:noFill/>
        </p:spPr>
        <p:txBody>
          <a:bodyPr wrap="square">
            <a:spAutoFit/>
          </a:bodyPr>
          <a:lstStyle/>
          <a:p>
            <a:r>
              <a:rPr lang="en-US" sz="1400" dirty="0"/>
              <a:t>Simon Enni, Ira Assent (2021): Learning by Design: Structuring and Documenting the Human Choices in Machine Learning Development</a:t>
            </a:r>
            <a:endParaRPr lang="da-DK" sz="1400" dirty="0"/>
          </a:p>
        </p:txBody>
      </p:sp>
    </p:spTree>
    <p:extLst>
      <p:ext uri="{BB962C8B-B14F-4D97-AF65-F5344CB8AC3E}">
        <p14:creationId xmlns:p14="http://schemas.microsoft.com/office/powerpoint/2010/main" val="316581404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203467A-8B7D-4984-964E-2540A3EA78E7}"/>
              </a:ext>
            </a:extLst>
          </p:cNvPr>
          <p:cNvSpPr>
            <a:spLocks noGrp="1"/>
          </p:cNvSpPr>
          <p:nvPr>
            <p:ph type="body" sz="quarter" idx="14"/>
          </p:nvPr>
        </p:nvSpPr>
        <p:spPr/>
        <p:txBody>
          <a:bodyPr/>
          <a:lstStyle/>
          <a:p>
            <a:endParaRPr lang="da-DK" dirty="0"/>
          </a:p>
        </p:txBody>
      </p:sp>
      <p:sp>
        <p:nvSpPr>
          <p:cNvPr id="3" name="Title 2">
            <a:extLst>
              <a:ext uri="{FF2B5EF4-FFF2-40B4-BE49-F238E27FC236}">
                <a16:creationId xmlns:a16="http://schemas.microsoft.com/office/drawing/2014/main" id="{59689BB9-2CFD-48BD-8C26-7A1A6E576ADB}"/>
              </a:ext>
            </a:extLst>
          </p:cNvPr>
          <p:cNvSpPr>
            <a:spLocks noGrp="1"/>
          </p:cNvSpPr>
          <p:nvPr>
            <p:ph type="ctrTitle"/>
          </p:nvPr>
        </p:nvSpPr>
        <p:spPr/>
        <p:txBody>
          <a:bodyPr/>
          <a:lstStyle/>
          <a:p>
            <a:pPr>
              <a:lnSpc>
                <a:spcPct val="120000"/>
              </a:lnSpc>
            </a:pPr>
            <a:r>
              <a:rPr lang="da-DK" sz="3600" b="1" dirty="0"/>
              <a:t>Digitale profiler og digitale job</a:t>
            </a:r>
            <a:r>
              <a:rPr lang="da-DK" sz="3600" dirty="0"/>
              <a:t/>
            </a:r>
            <a:br>
              <a:rPr lang="da-DK" sz="3600" dirty="0"/>
            </a:br>
            <a:r>
              <a:rPr lang="da-DK" sz="3600" dirty="0"/>
              <a:t/>
            </a:r>
            <a:br>
              <a:rPr lang="da-DK" sz="3600" dirty="0"/>
            </a:br>
            <a:endParaRPr lang="da-DK" dirty="0"/>
          </a:p>
        </p:txBody>
      </p:sp>
    </p:spTree>
    <p:extLst>
      <p:ext uri="{BB962C8B-B14F-4D97-AF65-F5344CB8AC3E}">
        <p14:creationId xmlns:p14="http://schemas.microsoft.com/office/powerpoint/2010/main" val="42817503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8" name="Gruppe 37">
            <a:extLst>
              <a:ext uri="{FF2B5EF4-FFF2-40B4-BE49-F238E27FC236}">
                <a16:creationId xmlns:a16="http://schemas.microsoft.com/office/drawing/2014/main" id="{E82BA31E-40BB-4B28-9D57-32CB7F7151D0}"/>
              </a:ext>
            </a:extLst>
          </p:cNvPr>
          <p:cNvGrpSpPr/>
          <p:nvPr/>
        </p:nvGrpSpPr>
        <p:grpSpPr>
          <a:xfrm>
            <a:off x="5412422" y="2105246"/>
            <a:ext cx="6146122" cy="3551490"/>
            <a:chOff x="5318552" y="2109949"/>
            <a:chExt cx="6147723" cy="3552415"/>
          </a:xfrm>
        </p:grpSpPr>
        <p:graphicFrame>
          <p:nvGraphicFramePr>
            <p:cNvPr id="8" name="Diagram 7">
              <a:extLst>
                <a:ext uri="{FF2B5EF4-FFF2-40B4-BE49-F238E27FC236}">
                  <a16:creationId xmlns:a16="http://schemas.microsoft.com/office/drawing/2014/main" id="{040B6E88-1FF2-4B73-81DF-3BC39E2C858A}"/>
                </a:ext>
              </a:extLst>
            </p:cNvPr>
            <p:cNvGraphicFramePr/>
            <p:nvPr/>
          </p:nvGraphicFramePr>
          <p:xfrm>
            <a:off x="5505124" y="2109949"/>
            <a:ext cx="4144023" cy="2938672"/>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9" name="Ellipse 8">
              <a:extLst>
                <a:ext uri="{FF2B5EF4-FFF2-40B4-BE49-F238E27FC236}">
                  <a16:creationId xmlns:a16="http://schemas.microsoft.com/office/drawing/2014/main" id="{554671C0-C843-4227-996E-07CDB1997C16}"/>
                </a:ext>
              </a:extLst>
            </p:cNvPr>
            <p:cNvSpPr/>
            <p:nvPr/>
          </p:nvSpPr>
          <p:spPr>
            <a:xfrm>
              <a:off x="7699929" y="2222499"/>
              <a:ext cx="720000" cy="720000"/>
            </a:xfrm>
            <a:prstGeom prst="ellipse">
              <a:avLst/>
            </a:prstGeom>
            <a:solidFill>
              <a:schemeClr val="bg1"/>
            </a:solidFill>
            <a:ln>
              <a:solidFill>
                <a:srgbClr val="F38F2E"/>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99" dirty="0" err="1"/>
            </a:p>
          </p:txBody>
        </p:sp>
        <p:sp>
          <p:nvSpPr>
            <p:cNvPr id="10" name="Ellipse 9">
              <a:extLst>
                <a:ext uri="{FF2B5EF4-FFF2-40B4-BE49-F238E27FC236}">
                  <a16:creationId xmlns:a16="http://schemas.microsoft.com/office/drawing/2014/main" id="{FA253E34-4582-4769-897A-EB98A89193F7}"/>
                </a:ext>
              </a:extLst>
            </p:cNvPr>
            <p:cNvSpPr/>
            <p:nvPr/>
          </p:nvSpPr>
          <p:spPr>
            <a:xfrm>
              <a:off x="8419929" y="3199555"/>
              <a:ext cx="720000" cy="720000"/>
            </a:xfrm>
            <a:prstGeom prst="ellipse">
              <a:avLst/>
            </a:prstGeom>
            <a:solidFill>
              <a:schemeClr val="bg1"/>
            </a:solidFill>
            <a:ln>
              <a:solidFill>
                <a:srgbClr val="30479E"/>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99" dirty="0" err="1"/>
            </a:p>
          </p:txBody>
        </p:sp>
        <p:sp>
          <p:nvSpPr>
            <p:cNvPr id="11" name="Ellipse 10">
              <a:extLst>
                <a:ext uri="{FF2B5EF4-FFF2-40B4-BE49-F238E27FC236}">
                  <a16:creationId xmlns:a16="http://schemas.microsoft.com/office/drawing/2014/main" id="{672227B4-7437-4A25-A66F-32B20C649C42}"/>
                </a:ext>
              </a:extLst>
            </p:cNvPr>
            <p:cNvSpPr/>
            <p:nvPr/>
          </p:nvSpPr>
          <p:spPr>
            <a:xfrm>
              <a:off x="9130179" y="4175344"/>
              <a:ext cx="720000" cy="720000"/>
            </a:xfrm>
            <a:prstGeom prst="ellipse">
              <a:avLst/>
            </a:prstGeom>
            <a:solidFill>
              <a:schemeClr val="bg1"/>
            </a:solidFill>
            <a:ln>
              <a:solidFill>
                <a:srgbClr val="612B86"/>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99" dirty="0" err="1"/>
            </a:p>
          </p:txBody>
        </p:sp>
        <p:sp>
          <p:nvSpPr>
            <p:cNvPr id="12" name="Tekstfelt 11">
              <a:extLst>
                <a:ext uri="{FF2B5EF4-FFF2-40B4-BE49-F238E27FC236}">
                  <a16:creationId xmlns:a16="http://schemas.microsoft.com/office/drawing/2014/main" id="{0DAAB4C4-6649-4CCA-95D8-BDC5F1AFAF0C}"/>
                </a:ext>
              </a:extLst>
            </p:cNvPr>
            <p:cNvSpPr txBox="1"/>
            <p:nvPr/>
          </p:nvSpPr>
          <p:spPr>
            <a:xfrm>
              <a:off x="10047051" y="4266121"/>
              <a:ext cx="1419224" cy="492443"/>
            </a:xfrm>
            <a:prstGeom prst="rect">
              <a:avLst/>
            </a:prstGeom>
            <a:noFill/>
          </p:spPr>
          <p:txBody>
            <a:bodyPr wrap="square" lIns="0" tIns="0" rIns="0" bIns="0" rtlCol="0">
              <a:spAutoFit/>
            </a:bodyPr>
            <a:lstStyle/>
            <a:p>
              <a:r>
                <a:rPr lang="da-DK" sz="1600" dirty="0">
                  <a:latin typeface="+mj-lt"/>
                </a:rPr>
                <a:t>DIGITALE GENERALISTER</a:t>
              </a:r>
            </a:p>
          </p:txBody>
        </p:sp>
        <p:sp>
          <p:nvSpPr>
            <p:cNvPr id="13" name="Tekstfelt 12">
              <a:extLst>
                <a:ext uri="{FF2B5EF4-FFF2-40B4-BE49-F238E27FC236}">
                  <a16:creationId xmlns:a16="http://schemas.microsoft.com/office/drawing/2014/main" id="{C0E3BB29-8ABB-4423-A208-58609933739A}"/>
                </a:ext>
              </a:extLst>
            </p:cNvPr>
            <p:cNvSpPr txBox="1"/>
            <p:nvPr/>
          </p:nvSpPr>
          <p:spPr>
            <a:xfrm>
              <a:off x="9377705" y="3316164"/>
              <a:ext cx="1559741" cy="492443"/>
            </a:xfrm>
            <a:prstGeom prst="rect">
              <a:avLst/>
            </a:prstGeom>
            <a:noFill/>
          </p:spPr>
          <p:txBody>
            <a:bodyPr wrap="square" lIns="0" tIns="0" rIns="0" bIns="0" rtlCol="0">
              <a:spAutoFit/>
            </a:bodyPr>
            <a:lstStyle/>
            <a:p>
              <a:r>
                <a:rPr lang="da-DK" sz="1600" dirty="0">
                  <a:latin typeface="+mj-lt"/>
                </a:rPr>
                <a:t>DIGITALE INTEGRATORER</a:t>
              </a:r>
            </a:p>
          </p:txBody>
        </p:sp>
        <p:sp>
          <p:nvSpPr>
            <p:cNvPr id="14" name="Tekstfelt 13">
              <a:extLst>
                <a:ext uri="{FF2B5EF4-FFF2-40B4-BE49-F238E27FC236}">
                  <a16:creationId xmlns:a16="http://schemas.microsoft.com/office/drawing/2014/main" id="{174A20D3-484B-45C5-AE03-0C964B39A300}"/>
                </a:ext>
              </a:extLst>
            </p:cNvPr>
            <p:cNvSpPr txBox="1"/>
            <p:nvPr/>
          </p:nvSpPr>
          <p:spPr>
            <a:xfrm>
              <a:off x="8636437" y="2343653"/>
              <a:ext cx="1559741" cy="492443"/>
            </a:xfrm>
            <a:prstGeom prst="rect">
              <a:avLst/>
            </a:prstGeom>
            <a:noFill/>
          </p:spPr>
          <p:txBody>
            <a:bodyPr wrap="square" lIns="0" tIns="0" rIns="0" bIns="0" rtlCol="0">
              <a:spAutoFit/>
            </a:bodyPr>
            <a:lstStyle/>
            <a:p>
              <a:r>
                <a:rPr lang="da-DK" sz="1600" dirty="0">
                  <a:latin typeface="+mj-lt"/>
                </a:rPr>
                <a:t>DIGITALE SPECIALISTER</a:t>
              </a:r>
            </a:p>
          </p:txBody>
        </p:sp>
        <p:pic>
          <p:nvPicPr>
            <p:cNvPr id="15" name="Billede 14">
              <a:extLst>
                <a:ext uri="{FF2B5EF4-FFF2-40B4-BE49-F238E27FC236}">
                  <a16:creationId xmlns:a16="http://schemas.microsoft.com/office/drawing/2014/main" id="{0D049337-06F7-4B72-8049-F6CB77C687A7}"/>
                </a:ext>
              </a:extLst>
            </p:cNvPr>
            <p:cNvPicPr>
              <a:picLocks noChangeAspect="1"/>
            </p:cNvPicPr>
            <p:nvPr/>
          </p:nvPicPr>
          <p:blipFill>
            <a:blip r:embed="rId7"/>
            <a:stretch>
              <a:fillRect/>
            </a:stretch>
          </p:blipFill>
          <p:spPr>
            <a:xfrm>
              <a:off x="7793141" y="2337357"/>
              <a:ext cx="517810" cy="517810"/>
            </a:xfrm>
            <a:prstGeom prst="rect">
              <a:avLst/>
            </a:prstGeom>
            <a:noFill/>
          </p:spPr>
        </p:pic>
        <p:grpSp>
          <p:nvGrpSpPr>
            <p:cNvPr id="16" name="Gruppe 15">
              <a:extLst>
                <a:ext uri="{FF2B5EF4-FFF2-40B4-BE49-F238E27FC236}">
                  <a16:creationId xmlns:a16="http://schemas.microsoft.com/office/drawing/2014/main" id="{714471C7-2B47-4E13-BAA2-BEEF50A390A5}"/>
                </a:ext>
              </a:extLst>
            </p:cNvPr>
            <p:cNvGrpSpPr>
              <a:grpSpLocks noChangeAspect="1"/>
            </p:cNvGrpSpPr>
            <p:nvPr/>
          </p:nvGrpSpPr>
          <p:grpSpPr>
            <a:xfrm>
              <a:off x="8491140" y="3285372"/>
              <a:ext cx="640165" cy="548364"/>
              <a:chOff x="1349712" y="5534142"/>
              <a:chExt cx="976752" cy="884242"/>
            </a:xfrm>
          </p:grpSpPr>
          <p:pic>
            <p:nvPicPr>
              <p:cNvPr id="17" name="Billede 16">
                <a:extLst>
                  <a:ext uri="{FF2B5EF4-FFF2-40B4-BE49-F238E27FC236}">
                    <a16:creationId xmlns:a16="http://schemas.microsoft.com/office/drawing/2014/main" id="{FE8EA282-C731-48FA-8264-AE07DB344BA9}"/>
                  </a:ext>
                </a:extLst>
              </p:cNvPr>
              <p:cNvPicPr>
                <a:picLocks noChangeAspect="1"/>
              </p:cNvPicPr>
              <p:nvPr/>
            </p:nvPicPr>
            <p:blipFill>
              <a:blip r:embed="rId8"/>
              <a:stretch>
                <a:fillRect/>
              </a:stretch>
            </p:blipFill>
            <p:spPr>
              <a:xfrm>
                <a:off x="1349712" y="5534142"/>
                <a:ext cx="660248" cy="660248"/>
              </a:xfrm>
              <a:prstGeom prst="rect">
                <a:avLst/>
              </a:prstGeom>
            </p:spPr>
          </p:pic>
          <p:pic>
            <p:nvPicPr>
              <p:cNvPr id="18" name="Billede 17">
                <a:extLst>
                  <a:ext uri="{FF2B5EF4-FFF2-40B4-BE49-F238E27FC236}">
                    <a16:creationId xmlns:a16="http://schemas.microsoft.com/office/drawing/2014/main" id="{1A935E1C-6369-4D81-A52A-A6D928337F50}"/>
                  </a:ext>
                </a:extLst>
              </p:cNvPr>
              <p:cNvPicPr>
                <a:picLocks noChangeAspect="1"/>
              </p:cNvPicPr>
              <p:nvPr/>
            </p:nvPicPr>
            <p:blipFill>
              <a:blip r:embed="rId9"/>
              <a:stretch>
                <a:fillRect/>
              </a:stretch>
            </p:blipFill>
            <p:spPr>
              <a:xfrm>
                <a:off x="1712506" y="5804426"/>
                <a:ext cx="613958" cy="613958"/>
              </a:xfrm>
              <a:prstGeom prst="rect">
                <a:avLst/>
              </a:prstGeom>
            </p:spPr>
          </p:pic>
        </p:grpSp>
        <p:pic>
          <p:nvPicPr>
            <p:cNvPr id="19" name="Billede 18">
              <a:extLst>
                <a:ext uri="{FF2B5EF4-FFF2-40B4-BE49-F238E27FC236}">
                  <a16:creationId xmlns:a16="http://schemas.microsoft.com/office/drawing/2014/main" id="{C00E8821-097F-490E-A096-53BEAF0A3900}"/>
                </a:ext>
              </a:extLst>
            </p:cNvPr>
            <p:cNvPicPr>
              <a:picLocks noChangeAspect="1"/>
            </p:cNvPicPr>
            <p:nvPr/>
          </p:nvPicPr>
          <p:blipFill>
            <a:blip r:embed="rId10"/>
            <a:stretch>
              <a:fillRect/>
            </a:stretch>
          </p:blipFill>
          <p:spPr>
            <a:xfrm>
              <a:off x="9185821" y="4265344"/>
              <a:ext cx="540000" cy="540000"/>
            </a:xfrm>
            <a:prstGeom prst="rect">
              <a:avLst/>
            </a:prstGeom>
          </p:spPr>
        </p:pic>
        <p:sp>
          <p:nvSpPr>
            <p:cNvPr id="20" name="Tekstfelt 19">
              <a:extLst>
                <a:ext uri="{FF2B5EF4-FFF2-40B4-BE49-F238E27FC236}">
                  <a16:creationId xmlns:a16="http://schemas.microsoft.com/office/drawing/2014/main" id="{34287226-49C1-4B7A-BD8D-8DF9507765F7}"/>
                </a:ext>
              </a:extLst>
            </p:cNvPr>
            <p:cNvSpPr txBox="1"/>
            <p:nvPr/>
          </p:nvSpPr>
          <p:spPr>
            <a:xfrm>
              <a:off x="5318552" y="5231477"/>
              <a:ext cx="5241918" cy="430887"/>
            </a:xfrm>
            <a:prstGeom prst="rect">
              <a:avLst/>
            </a:prstGeom>
            <a:noFill/>
          </p:spPr>
          <p:txBody>
            <a:bodyPr wrap="square" lIns="0" tIns="0" rIns="0" bIns="0" rtlCol="0">
              <a:spAutoFit/>
            </a:bodyPr>
            <a:lstStyle/>
            <a:p>
              <a:r>
                <a:rPr lang="da-DK" sz="2799" dirty="0">
                  <a:latin typeface="+mj-lt"/>
                </a:rPr>
                <a:t>DIGITALT KOMPETENCEBEHOV</a:t>
              </a:r>
            </a:p>
          </p:txBody>
        </p:sp>
      </p:grpSp>
      <p:pic>
        <p:nvPicPr>
          <p:cNvPr id="36" name="Billede 35">
            <a:extLst>
              <a:ext uri="{FF2B5EF4-FFF2-40B4-BE49-F238E27FC236}">
                <a16:creationId xmlns:a16="http://schemas.microsoft.com/office/drawing/2014/main" id="{E2E24B81-CD47-4E77-8B79-1A6939598D99}"/>
              </a:ext>
            </a:extLst>
          </p:cNvPr>
          <p:cNvPicPr>
            <a:picLocks noChangeAspect="1"/>
          </p:cNvPicPr>
          <p:nvPr/>
        </p:nvPicPr>
        <p:blipFill>
          <a:blip r:embed="rId11"/>
          <a:stretch>
            <a:fillRect/>
          </a:stretch>
        </p:blipFill>
        <p:spPr>
          <a:xfrm>
            <a:off x="2079469" y="3263334"/>
            <a:ext cx="2519466" cy="1784865"/>
          </a:xfrm>
          <a:prstGeom prst="rect">
            <a:avLst/>
          </a:prstGeom>
          <a:effectLst>
            <a:outerShdw blurRad="292100" dist="139700" dir="2700000" algn="tl" rotWithShape="0">
              <a:prstClr val="black">
                <a:alpha val="28000"/>
              </a:prstClr>
            </a:outerShdw>
          </a:effectLst>
        </p:spPr>
      </p:pic>
      <p:pic>
        <p:nvPicPr>
          <p:cNvPr id="37" name="Billede 36">
            <a:extLst>
              <a:ext uri="{FF2B5EF4-FFF2-40B4-BE49-F238E27FC236}">
                <a16:creationId xmlns:a16="http://schemas.microsoft.com/office/drawing/2014/main" id="{A70C214E-1E55-40B4-856B-514276B61DEE}"/>
              </a:ext>
            </a:extLst>
          </p:cNvPr>
          <p:cNvPicPr>
            <a:picLocks noChangeAspect="1"/>
          </p:cNvPicPr>
          <p:nvPr/>
        </p:nvPicPr>
        <p:blipFill>
          <a:blip r:embed="rId12"/>
          <a:stretch>
            <a:fillRect/>
          </a:stretch>
        </p:blipFill>
        <p:spPr>
          <a:xfrm>
            <a:off x="1326580" y="2609814"/>
            <a:ext cx="2742834" cy="1938863"/>
          </a:xfrm>
          <a:prstGeom prst="rect">
            <a:avLst/>
          </a:prstGeom>
          <a:effectLst>
            <a:outerShdw blurRad="292100" dist="139700" dir="2700000" algn="tl" rotWithShape="0">
              <a:prstClr val="black">
                <a:alpha val="28000"/>
              </a:prstClr>
            </a:outerShdw>
          </a:effectLst>
        </p:spPr>
      </p:pic>
      <p:pic>
        <p:nvPicPr>
          <p:cNvPr id="35" name="Billede 34">
            <a:extLst>
              <a:ext uri="{FF2B5EF4-FFF2-40B4-BE49-F238E27FC236}">
                <a16:creationId xmlns:a16="http://schemas.microsoft.com/office/drawing/2014/main" id="{A18FA09C-9868-4DDB-A9A0-4865D05FCE81}"/>
              </a:ext>
            </a:extLst>
          </p:cNvPr>
          <p:cNvPicPr>
            <a:picLocks noChangeAspect="1"/>
          </p:cNvPicPr>
          <p:nvPr/>
        </p:nvPicPr>
        <p:blipFill>
          <a:blip r:embed="rId13"/>
          <a:stretch>
            <a:fillRect/>
          </a:stretch>
        </p:blipFill>
        <p:spPr>
          <a:xfrm>
            <a:off x="695245" y="2105247"/>
            <a:ext cx="2856280" cy="2017759"/>
          </a:xfrm>
          <a:prstGeom prst="rect">
            <a:avLst/>
          </a:prstGeom>
          <a:effectLst>
            <a:outerShdw blurRad="292100" dist="139700" dir="2700000" algn="tl" rotWithShape="0">
              <a:prstClr val="black">
                <a:alpha val="28000"/>
              </a:prstClr>
            </a:outerShdw>
          </a:effectLst>
        </p:spPr>
      </p:pic>
      <p:pic>
        <p:nvPicPr>
          <p:cNvPr id="21" name="Billede 20" descr="Et billede, der indeholder tekst&#10;&#10;Automatisk genereret beskrivelse">
            <a:extLst>
              <a:ext uri="{FF2B5EF4-FFF2-40B4-BE49-F238E27FC236}">
                <a16:creationId xmlns:a16="http://schemas.microsoft.com/office/drawing/2014/main" id="{A0614377-9C2A-41F2-A903-77D4E01C52A7}"/>
              </a:ext>
            </a:extLst>
          </p:cNvPr>
          <p:cNvPicPr>
            <a:picLocks noChangeAspect="1"/>
          </p:cNvPicPr>
          <p:nvPr/>
        </p:nvPicPr>
        <p:blipFill>
          <a:blip r:embed="rId14">
            <a:extLst>
              <a:ext uri="{28A0092B-C50C-407E-A947-70E740481C1C}">
                <a14:useLocalDpi xmlns:a14="http://schemas.microsoft.com/office/drawing/2010/main" val="0"/>
              </a:ext>
            </a:extLst>
          </a:blip>
          <a:stretch>
            <a:fillRect/>
          </a:stretch>
        </p:blipFill>
        <p:spPr>
          <a:xfrm>
            <a:off x="7926088" y="6446129"/>
            <a:ext cx="803355" cy="269967"/>
          </a:xfrm>
          <a:prstGeom prst="rect">
            <a:avLst/>
          </a:prstGeom>
        </p:spPr>
      </p:pic>
      <p:sp>
        <p:nvSpPr>
          <p:cNvPr id="22" name="Pladsholder til indhold 3">
            <a:extLst>
              <a:ext uri="{FF2B5EF4-FFF2-40B4-BE49-F238E27FC236}">
                <a16:creationId xmlns:a16="http://schemas.microsoft.com/office/drawing/2014/main" id="{1F60400E-08F3-4FA0-9FBD-6A001CB5E461}"/>
              </a:ext>
            </a:extLst>
          </p:cNvPr>
          <p:cNvSpPr txBox="1">
            <a:spLocks/>
          </p:cNvSpPr>
          <p:nvPr/>
        </p:nvSpPr>
        <p:spPr>
          <a:xfrm>
            <a:off x="7405838" y="6446129"/>
            <a:ext cx="4631396" cy="274487"/>
          </a:xfrm>
          <a:prstGeom prst="rect">
            <a:avLst/>
          </a:prstGeom>
        </p:spPr>
        <p:txBody>
          <a:bodyPr vert="horz" lIns="91416" tIns="45708" rIns="91416" bIns="45708" rtlCol="0">
            <a:normAutofit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Segoe UI Semilight" panose="020B0402040204020203" pitchFamily="34" charset="0"/>
                <a:ea typeface="+mn-ea"/>
                <a:cs typeface="Segoe UI Semilight" panose="020B0402040204020203"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Segoe UI Semilight" panose="020B0402040204020203" pitchFamily="34" charset="0"/>
                <a:ea typeface="+mn-ea"/>
                <a:cs typeface="Segoe UI Semilight" panose="020B0402040204020203"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Segoe UI Semilight" panose="020B0402040204020203" pitchFamily="34" charset="0"/>
                <a:ea typeface="+mn-ea"/>
                <a:cs typeface="Segoe UI Semilight" panose="020B0402040204020203"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Segoe UI Semilight" panose="020B0402040204020203" pitchFamily="34" charset="0"/>
                <a:ea typeface="+mn-ea"/>
                <a:cs typeface="Segoe UI Semilight" panose="020B0402040204020203"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Segoe UI Semilight" panose="020B0402040204020203" pitchFamily="34" charset="0"/>
                <a:ea typeface="+mn-ea"/>
                <a:cs typeface="Segoe UI Semilight" panose="020B0402040204020203"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r">
              <a:buNone/>
            </a:pPr>
            <a:r>
              <a:rPr lang="da-DK" sz="1400" dirty="0"/>
              <a:t>Det Digitale Kompetencebarometer 2021</a:t>
            </a:r>
          </a:p>
        </p:txBody>
      </p:sp>
    </p:spTree>
    <p:extLst>
      <p:ext uri="{BB962C8B-B14F-4D97-AF65-F5344CB8AC3E}">
        <p14:creationId xmlns:p14="http://schemas.microsoft.com/office/powerpoint/2010/main" val="386138771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2353B44-7172-42AC-A745-96972DA01F37}"/>
              </a:ext>
            </a:extLst>
          </p:cNvPr>
          <p:cNvSpPr>
            <a:spLocks noGrp="1"/>
          </p:cNvSpPr>
          <p:nvPr>
            <p:ph type="title"/>
          </p:nvPr>
        </p:nvSpPr>
        <p:spPr>
          <a:xfrm>
            <a:off x="1747762" y="925946"/>
            <a:ext cx="12188825" cy="538600"/>
          </a:xfrm>
        </p:spPr>
        <p:txBody>
          <a:bodyPr/>
          <a:lstStyle/>
          <a:p>
            <a:r>
              <a:rPr lang="da-DK" dirty="0">
                <a:latin typeface="Segoe UI Semibold" panose="020B0702040204020203" pitchFamily="34" charset="0"/>
                <a:cs typeface="Segoe UI Semibold" panose="020B0702040204020203" pitchFamily="34" charset="0"/>
              </a:rPr>
              <a:t>Digitale kompetencer handler om mere end IT</a:t>
            </a:r>
          </a:p>
        </p:txBody>
      </p:sp>
      <p:graphicFrame>
        <p:nvGraphicFramePr>
          <p:cNvPr id="10" name="Diagram 9">
            <a:extLst>
              <a:ext uri="{FF2B5EF4-FFF2-40B4-BE49-F238E27FC236}">
                <a16:creationId xmlns:a16="http://schemas.microsoft.com/office/drawing/2014/main" id="{92AD8BB4-E67D-441A-99C0-ADBBB07AE923}"/>
              </a:ext>
            </a:extLst>
          </p:cNvPr>
          <p:cNvGraphicFramePr>
            <a:graphicFrameLocks/>
          </p:cNvGraphicFramePr>
          <p:nvPr/>
        </p:nvGraphicFramePr>
        <p:xfrm>
          <a:off x="1162886" y="1777238"/>
          <a:ext cx="9642391" cy="4086899"/>
        </p:xfrm>
        <a:graphic>
          <a:graphicData uri="http://schemas.openxmlformats.org/drawingml/2006/chart">
            <c:chart xmlns:c="http://schemas.openxmlformats.org/drawingml/2006/chart" xmlns:r="http://schemas.openxmlformats.org/officeDocument/2006/relationships" r:id="rId3"/>
          </a:graphicData>
        </a:graphic>
      </p:graphicFrame>
      <p:pic>
        <p:nvPicPr>
          <p:cNvPr id="4" name="Billede 3" descr="Et billede, der indeholder tekst&#10;&#10;Automatisk genereret beskrivelse">
            <a:extLst>
              <a:ext uri="{FF2B5EF4-FFF2-40B4-BE49-F238E27FC236}">
                <a16:creationId xmlns:a16="http://schemas.microsoft.com/office/drawing/2014/main" id="{B6FD83A4-DA8F-426B-B141-C798F59C5FE2}"/>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842175" y="6446129"/>
            <a:ext cx="803355" cy="269967"/>
          </a:xfrm>
          <a:prstGeom prst="rect">
            <a:avLst/>
          </a:prstGeom>
        </p:spPr>
      </p:pic>
      <p:sp>
        <p:nvSpPr>
          <p:cNvPr id="5" name="Pladsholder til indhold 3">
            <a:extLst>
              <a:ext uri="{FF2B5EF4-FFF2-40B4-BE49-F238E27FC236}">
                <a16:creationId xmlns:a16="http://schemas.microsoft.com/office/drawing/2014/main" id="{68A02760-E6FF-4CCF-A5FF-35A95D801F18}"/>
              </a:ext>
            </a:extLst>
          </p:cNvPr>
          <p:cNvSpPr txBox="1">
            <a:spLocks/>
          </p:cNvSpPr>
          <p:nvPr/>
        </p:nvSpPr>
        <p:spPr>
          <a:xfrm>
            <a:off x="7405838" y="6446129"/>
            <a:ext cx="4631396" cy="274487"/>
          </a:xfrm>
          <a:prstGeom prst="rect">
            <a:avLst/>
          </a:prstGeom>
        </p:spPr>
        <p:txBody>
          <a:bodyPr vert="horz" lIns="91416" tIns="45708" rIns="91416" bIns="45708" rtlCol="0">
            <a:normAutofit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Segoe UI Semilight" panose="020B0402040204020203" pitchFamily="34" charset="0"/>
                <a:ea typeface="+mn-ea"/>
                <a:cs typeface="Segoe UI Semilight" panose="020B0402040204020203"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Segoe UI Semilight" panose="020B0402040204020203" pitchFamily="34" charset="0"/>
                <a:ea typeface="+mn-ea"/>
                <a:cs typeface="Segoe UI Semilight" panose="020B0402040204020203"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Segoe UI Semilight" panose="020B0402040204020203" pitchFamily="34" charset="0"/>
                <a:ea typeface="+mn-ea"/>
                <a:cs typeface="Segoe UI Semilight" panose="020B0402040204020203"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Segoe UI Semilight" panose="020B0402040204020203" pitchFamily="34" charset="0"/>
                <a:ea typeface="+mn-ea"/>
                <a:cs typeface="Segoe UI Semilight" panose="020B0402040204020203"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Segoe UI Semilight" panose="020B0402040204020203" pitchFamily="34" charset="0"/>
                <a:ea typeface="+mn-ea"/>
                <a:cs typeface="Segoe UI Semilight" panose="020B0402040204020203"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r">
              <a:buNone/>
            </a:pPr>
            <a:r>
              <a:rPr lang="da-DK" sz="1400" dirty="0"/>
              <a:t>Det Digitale Kompetencebarometer 2021</a:t>
            </a:r>
          </a:p>
        </p:txBody>
      </p:sp>
    </p:spTree>
    <p:extLst>
      <p:ext uri="{BB962C8B-B14F-4D97-AF65-F5344CB8AC3E}">
        <p14:creationId xmlns:p14="http://schemas.microsoft.com/office/powerpoint/2010/main" val="343044341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p:cNvSpPr>
            <a:spLocks noGrp="1"/>
          </p:cNvSpPr>
          <p:nvPr>
            <p:ph type="dt" sz="half" idx="10"/>
          </p:nvPr>
        </p:nvSpPr>
        <p:spPr/>
        <p:txBody>
          <a:bodyPr/>
          <a:lstStyle/>
          <a:p>
            <a:fld id="{93AF2120-6027-4226-9D5C-F2146A8C4027}" type="datetime2">
              <a:rPr lang="da-DK" noProof="0" smtClean="0"/>
              <a:t>8. marts 2022</a:t>
            </a:fld>
            <a:endParaRPr lang="da-DK" noProof="0" dirty="0"/>
          </a:p>
        </p:txBody>
      </p:sp>
      <p:sp>
        <p:nvSpPr>
          <p:cNvPr id="3" name="Pladsholder til sidefod 2"/>
          <p:cNvSpPr>
            <a:spLocks noGrp="1"/>
          </p:cNvSpPr>
          <p:nvPr>
            <p:ph type="ftr" sz="quarter" idx="11"/>
          </p:nvPr>
        </p:nvSpPr>
        <p:spPr/>
        <p:txBody>
          <a:bodyPr/>
          <a:lstStyle/>
          <a:p>
            <a:r>
              <a:rPr lang="da-DK" noProof="0"/>
              <a:t>HK præsentation</a:t>
            </a:r>
            <a:endParaRPr lang="da-DK" noProof="0" dirty="0"/>
          </a:p>
        </p:txBody>
      </p:sp>
      <p:sp>
        <p:nvSpPr>
          <p:cNvPr id="4" name="Pladsholder til slidenummer 3"/>
          <p:cNvSpPr>
            <a:spLocks noGrp="1"/>
          </p:cNvSpPr>
          <p:nvPr>
            <p:ph type="sldNum" sz="quarter" idx="12"/>
          </p:nvPr>
        </p:nvSpPr>
        <p:spPr/>
        <p:txBody>
          <a:bodyPr/>
          <a:lstStyle/>
          <a:p>
            <a:fld id="{433D74EC-B1F4-4ED0-BDA3-9FE41FAAB2E1}" type="slidenum">
              <a:rPr lang="da-DK" noProof="0" smtClean="0"/>
              <a:t>14</a:t>
            </a:fld>
            <a:endParaRPr lang="da-DK" noProof="0" dirty="0"/>
          </a:p>
        </p:txBody>
      </p:sp>
      <p:sp>
        <p:nvSpPr>
          <p:cNvPr id="5" name="Pladsholder til billede 4"/>
          <p:cNvSpPr>
            <a:spLocks noGrp="1"/>
          </p:cNvSpPr>
          <p:nvPr>
            <p:ph type="pic" idx="13"/>
          </p:nvPr>
        </p:nvSpPr>
        <p:spPr/>
      </p:sp>
      <p:pic>
        <p:nvPicPr>
          <p:cNvPr id="7" name="Billede 6"/>
          <p:cNvPicPr>
            <a:picLocks noChangeAspect="1"/>
          </p:cNvPicPr>
          <p:nvPr/>
        </p:nvPicPr>
        <p:blipFill>
          <a:blip r:embed="rId2"/>
          <a:stretch>
            <a:fillRect/>
          </a:stretch>
        </p:blipFill>
        <p:spPr>
          <a:xfrm>
            <a:off x="-1" y="893"/>
            <a:ext cx="12188825" cy="6856214"/>
          </a:xfrm>
          <a:prstGeom prst="rect">
            <a:avLst/>
          </a:prstGeom>
        </p:spPr>
      </p:pic>
    </p:spTree>
    <p:extLst>
      <p:ext uri="{BB962C8B-B14F-4D97-AF65-F5344CB8AC3E}">
        <p14:creationId xmlns:p14="http://schemas.microsoft.com/office/powerpoint/2010/main" val="306241164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p:cNvSpPr>
            <a:spLocks noGrp="1"/>
          </p:cNvSpPr>
          <p:nvPr>
            <p:ph type="dt" sz="half" idx="10"/>
          </p:nvPr>
        </p:nvSpPr>
        <p:spPr/>
        <p:txBody>
          <a:bodyPr/>
          <a:lstStyle/>
          <a:p>
            <a:fld id="{ED4D02D6-4450-43D0-B71E-ACAB7B8E8BD7}" type="datetime2">
              <a:rPr lang="da-DK" noProof="0" smtClean="0"/>
              <a:t>8. marts 2022</a:t>
            </a:fld>
            <a:endParaRPr lang="da-DK" noProof="0" dirty="0"/>
          </a:p>
        </p:txBody>
      </p:sp>
      <p:sp>
        <p:nvSpPr>
          <p:cNvPr id="3" name="Pladsholder til sidefod 2"/>
          <p:cNvSpPr>
            <a:spLocks noGrp="1"/>
          </p:cNvSpPr>
          <p:nvPr>
            <p:ph type="ftr" sz="quarter" idx="11"/>
          </p:nvPr>
        </p:nvSpPr>
        <p:spPr/>
        <p:txBody>
          <a:bodyPr/>
          <a:lstStyle/>
          <a:p>
            <a:r>
              <a:rPr lang="da-DK" noProof="0"/>
              <a:t>HK præsentation</a:t>
            </a:r>
            <a:endParaRPr lang="da-DK" noProof="0" dirty="0"/>
          </a:p>
        </p:txBody>
      </p:sp>
      <p:sp>
        <p:nvSpPr>
          <p:cNvPr id="4" name="Pladsholder til slidenummer 3"/>
          <p:cNvSpPr>
            <a:spLocks noGrp="1"/>
          </p:cNvSpPr>
          <p:nvPr>
            <p:ph type="sldNum" sz="quarter" idx="12"/>
          </p:nvPr>
        </p:nvSpPr>
        <p:spPr/>
        <p:txBody>
          <a:bodyPr/>
          <a:lstStyle/>
          <a:p>
            <a:fld id="{433D74EC-B1F4-4ED0-BDA3-9FE41FAAB2E1}" type="slidenum">
              <a:rPr lang="da-DK" noProof="0" smtClean="0"/>
              <a:t>15</a:t>
            </a:fld>
            <a:endParaRPr lang="da-DK" noProof="0" dirty="0"/>
          </a:p>
        </p:txBody>
      </p:sp>
      <p:sp>
        <p:nvSpPr>
          <p:cNvPr id="9" name="Pladsholder til billede 8"/>
          <p:cNvSpPr>
            <a:spLocks noGrp="1"/>
          </p:cNvSpPr>
          <p:nvPr>
            <p:ph type="pic" idx="13"/>
          </p:nvPr>
        </p:nvSpPr>
        <p:spPr/>
      </p:sp>
      <p:pic>
        <p:nvPicPr>
          <p:cNvPr id="10" name="SIRI_KOMMISSIONEN_UNDERSØGER_AO">
            <a:hlinkClick r:id="" action="ppaction://media"/>
          </p:cNvPr>
          <p:cNvPicPr>
            <a:picLocks noChangeAspect="1"/>
          </p:cNvPicPr>
          <p:nvPr>
            <a:videoFile r:link="rId2"/>
            <p:extLst>
              <p:ext uri="{DAA4B4D4-6D71-4841-9C94-3DE7FCFB9230}">
                <p14:media xmlns:p14="http://schemas.microsoft.com/office/powerpoint/2010/main" r:embed="rId1"/>
              </p:ext>
            </p:extLst>
          </p:nvPr>
        </p:nvPicPr>
        <p:blipFill>
          <a:blip r:embed="rId5"/>
          <a:stretch>
            <a:fillRect/>
          </a:stretch>
        </p:blipFill>
        <p:spPr>
          <a:xfrm>
            <a:off x="-1" y="-16355"/>
            <a:ext cx="12188826" cy="6873462"/>
          </a:xfrm>
          <a:prstGeom prst="rect">
            <a:avLst/>
          </a:prstGeom>
        </p:spPr>
      </p:pic>
    </p:spTree>
    <p:extLst>
      <p:ext uri="{BB962C8B-B14F-4D97-AF65-F5344CB8AC3E}">
        <p14:creationId xmlns:p14="http://schemas.microsoft.com/office/powerpoint/2010/main" val="34305262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77973" fill="hold"/>
                                        <p:tgtEl>
                                          <p:spTgt spid="10"/>
                                        </p:tgtEl>
                                      </p:cBhvr>
                                    </p:cmd>
                                  </p:childTnLst>
                                </p:cTn>
                              </p:par>
                            </p:childTnLst>
                          </p:cTn>
                        </p:par>
                      </p:childTnLst>
                    </p:cTn>
                  </p:par>
                </p:childTnLst>
              </p:cTn>
              <p:prevCondLst>
                <p:cond evt="onPrev" delay="0">
                  <p:tgtEl>
                    <p:sldTgt/>
                  </p:tgtEl>
                </p:cond>
              </p:prevCondLst>
              <p:nextCondLst>
                <p:cond evt="onNext" delay="0">
                  <p:tgtEl>
                    <p:sldTgt/>
                  </p:tgtEl>
                </p:cond>
              </p:nextCondLst>
            </p:seq>
            <p:video fullScrn="1">
              <p:cMediaNode vol="80000">
                <p:cTn id="7" fill="hold" display="0">
                  <p:stCondLst>
                    <p:cond delay="indefinite"/>
                  </p:stCondLst>
                </p:cTn>
                <p:tgtEl>
                  <p:spTgt spid="10"/>
                </p:tgtEl>
              </p:cMediaNode>
            </p:video>
            <p:seq concurrent="1" nextAc="seek">
              <p:cTn id="8" restart="whenNotActive" fill="hold" evtFilter="cancelBubble" nodeType="interactiveSeq">
                <p:stCondLst>
                  <p:cond evt="onClick" delay="0">
                    <p:tgtEl>
                      <p:spTgt spid="10"/>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10"/>
                                        </p:tgtEl>
                                      </p:cBhvr>
                                    </p:cmd>
                                  </p:childTnLst>
                                </p:cTn>
                              </p:par>
                            </p:childTnLst>
                          </p:cTn>
                        </p:par>
                      </p:childTnLst>
                    </p:cTn>
                  </p:par>
                </p:childTnLst>
              </p:cTn>
              <p:nextCondLst>
                <p:cond evt="onClick" delay="0">
                  <p:tgtEl>
                    <p:spTgt spid="10"/>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203467A-8B7D-4984-964E-2540A3EA78E7}"/>
              </a:ext>
            </a:extLst>
          </p:cNvPr>
          <p:cNvSpPr>
            <a:spLocks noGrp="1"/>
          </p:cNvSpPr>
          <p:nvPr>
            <p:ph type="body" sz="quarter" idx="14"/>
          </p:nvPr>
        </p:nvSpPr>
        <p:spPr/>
        <p:txBody>
          <a:bodyPr/>
          <a:lstStyle/>
          <a:p>
            <a:endParaRPr lang="da-DK" dirty="0"/>
          </a:p>
        </p:txBody>
      </p:sp>
      <p:sp>
        <p:nvSpPr>
          <p:cNvPr id="3" name="Title 2">
            <a:extLst>
              <a:ext uri="{FF2B5EF4-FFF2-40B4-BE49-F238E27FC236}">
                <a16:creationId xmlns:a16="http://schemas.microsoft.com/office/drawing/2014/main" id="{59689BB9-2CFD-48BD-8C26-7A1A6E576ADB}"/>
              </a:ext>
            </a:extLst>
          </p:cNvPr>
          <p:cNvSpPr>
            <a:spLocks noGrp="1"/>
          </p:cNvSpPr>
          <p:nvPr>
            <p:ph type="ctrTitle"/>
          </p:nvPr>
        </p:nvSpPr>
        <p:spPr/>
        <p:txBody>
          <a:bodyPr/>
          <a:lstStyle/>
          <a:p>
            <a:pPr>
              <a:lnSpc>
                <a:spcPct val="120000"/>
              </a:lnSpc>
            </a:pPr>
            <a:r>
              <a:rPr lang="da-DK" sz="3600" b="1" dirty="0"/>
              <a:t>Kan man lære digitale kompetencer?</a:t>
            </a:r>
            <a:br>
              <a:rPr lang="da-DK" sz="3600" b="1" dirty="0"/>
            </a:br>
            <a:r>
              <a:rPr lang="da-DK" sz="3600" dirty="0"/>
              <a:t/>
            </a:r>
            <a:br>
              <a:rPr lang="da-DK" sz="3600" dirty="0"/>
            </a:br>
            <a:endParaRPr lang="da-DK" dirty="0"/>
          </a:p>
        </p:txBody>
      </p:sp>
    </p:spTree>
    <p:extLst>
      <p:ext uri="{BB962C8B-B14F-4D97-AF65-F5344CB8AC3E}">
        <p14:creationId xmlns:p14="http://schemas.microsoft.com/office/powerpoint/2010/main" val="3698665713"/>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749458F-7E82-4596-802C-0C8F69C83F7D}"/>
              </a:ext>
            </a:extLst>
          </p:cNvPr>
          <p:cNvSpPr>
            <a:spLocks noGrp="1"/>
          </p:cNvSpPr>
          <p:nvPr>
            <p:ph type="title"/>
          </p:nvPr>
        </p:nvSpPr>
        <p:spPr>
          <a:xfrm>
            <a:off x="613224" y="2156402"/>
            <a:ext cx="10851404" cy="3638006"/>
          </a:xfrm>
        </p:spPr>
        <p:txBody>
          <a:bodyPr>
            <a:normAutofit fontScale="90000"/>
          </a:bodyPr>
          <a:lstStyle/>
          <a:p>
            <a:r>
              <a:rPr lang="da-DK" dirty="0"/>
              <a:t>Hvad?</a:t>
            </a:r>
            <a:br>
              <a:rPr lang="da-DK" dirty="0"/>
            </a:br>
            <a:r>
              <a:rPr lang="da-DK" dirty="0"/>
              <a:t/>
            </a:r>
            <a:br>
              <a:rPr lang="da-DK" dirty="0"/>
            </a:br>
            <a:r>
              <a:rPr lang="da-DK" dirty="0"/>
              <a:t>Hvem?</a:t>
            </a:r>
            <a:br>
              <a:rPr lang="da-DK" dirty="0"/>
            </a:br>
            <a:r>
              <a:rPr lang="da-DK" dirty="0"/>
              <a:t/>
            </a:r>
            <a:br>
              <a:rPr lang="da-DK" dirty="0"/>
            </a:br>
            <a:r>
              <a:rPr lang="da-DK" dirty="0"/>
              <a:t>Hvor?</a:t>
            </a:r>
            <a:br>
              <a:rPr lang="da-DK" dirty="0"/>
            </a:br>
            <a:r>
              <a:rPr lang="da-DK" dirty="0"/>
              <a:t/>
            </a:r>
            <a:br>
              <a:rPr lang="da-DK" dirty="0"/>
            </a:br>
            <a:r>
              <a:rPr lang="da-DK" dirty="0"/>
              <a:t>Hvordan?</a:t>
            </a:r>
            <a:br>
              <a:rPr lang="da-DK" dirty="0"/>
            </a:br>
            <a:r>
              <a:rPr lang="da-DK" dirty="0"/>
              <a:t/>
            </a:r>
            <a:br>
              <a:rPr lang="da-DK" dirty="0"/>
            </a:br>
            <a:r>
              <a:rPr lang="da-DK" dirty="0"/>
              <a:t/>
            </a:r>
            <a:br>
              <a:rPr lang="da-DK" dirty="0"/>
            </a:br>
            <a:endParaRPr lang="da-DK" dirty="0"/>
          </a:p>
        </p:txBody>
      </p:sp>
      <p:pic>
        <p:nvPicPr>
          <p:cNvPr id="4" name="Picture 2" descr="http://curriculumredesign.org/wp-content/uploads/meta-learning.png">
            <a:extLst>
              <a:ext uri="{FF2B5EF4-FFF2-40B4-BE49-F238E27FC236}">
                <a16:creationId xmlns:a16="http://schemas.microsoft.com/office/drawing/2014/main" id="{6AF81B81-483F-43F2-B405-BAAC0A37C7F5}"/>
              </a:ext>
            </a:extLst>
          </p:cNvPr>
          <p:cNvPicPr>
            <a:picLocks noGrp="1" noChangeAspect="1" noChangeArrowheads="1"/>
          </p:cNvPicPr>
          <p:nvPr>
            <p:ph sz="quarter" idx="10"/>
          </p:nvPr>
        </p:nvPicPr>
        <p:blipFill>
          <a:blip r:embed="rId2">
            <a:extLst>
              <a:ext uri="{28A0092B-C50C-407E-A947-70E740481C1C}">
                <a14:useLocalDpi xmlns:a14="http://schemas.microsoft.com/office/drawing/2010/main" val="0"/>
              </a:ext>
            </a:extLst>
          </a:blip>
          <a:srcRect/>
          <a:stretch>
            <a:fillRect/>
          </a:stretch>
        </p:blipFill>
        <p:spPr bwMode="auto">
          <a:xfrm>
            <a:off x="4841506" y="420405"/>
            <a:ext cx="5964073" cy="618709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34443668"/>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ext Placeholder 1">
            <a:extLst>
              <a:ext uri="{FF2B5EF4-FFF2-40B4-BE49-F238E27FC236}">
                <a16:creationId xmlns:a16="http://schemas.microsoft.com/office/drawing/2014/main" id="{5586782F-2387-412B-A9C0-48570C00E851}"/>
              </a:ext>
            </a:extLst>
          </p:cNvPr>
          <p:cNvSpPr>
            <a:spLocks noGrp="1"/>
          </p:cNvSpPr>
          <p:nvPr>
            <p:ph type="body" sz="quarter" idx="14"/>
          </p:nvPr>
        </p:nvSpPr>
        <p:spPr>
          <a:xfrm>
            <a:off x="30471" y="68578"/>
            <a:ext cx="1813011" cy="1032482"/>
          </a:xfrm>
        </p:spPr>
        <p:txBody>
          <a:bodyPr/>
          <a:lstStyle/>
          <a:p>
            <a:endParaRPr lang="en-US"/>
          </a:p>
        </p:txBody>
      </p:sp>
      <p:sp>
        <p:nvSpPr>
          <p:cNvPr id="3" name="Title 2">
            <a:extLst>
              <a:ext uri="{FF2B5EF4-FFF2-40B4-BE49-F238E27FC236}">
                <a16:creationId xmlns:a16="http://schemas.microsoft.com/office/drawing/2014/main" id="{59689BB9-2CFD-48BD-8C26-7A1A6E576ADB}"/>
              </a:ext>
            </a:extLst>
          </p:cNvPr>
          <p:cNvSpPr>
            <a:spLocks noGrp="1"/>
          </p:cNvSpPr>
          <p:nvPr>
            <p:ph type="ctrTitle"/>
          </p:nvPr>
        </p:nvSpPr>
        <p:spPr>
          <a:xfrm>
            <a:off x="1" y="2284327"/>
            <a:ext cx="9558375" cy="3875144"/>
          </a:xfrm>
        </p:spPr>
        <p:txBody>
          <a:bodyPr wrap="square" anchor="t">
            <a:normAutofit/>
          </a:bodyPr>
          <a:lstStyle/>
          <a:p>
            <a:r>
              <a:rPr lang="da-DK" sz="3800" b="1" err="1"/>
              <a:t>DPU’s</a:t>
            </a:r>
            <a:r>
              <a:rPr lang="da-DK" sz="3800" b="1"/>
              <a:t> </a:t>
            </a:r>
            <a:r>
              <a:rPr lang="da-DK" sz="3800" b="1" err="1"/>
              <a:t>uddannelser:BA</a:t>
            </a:r>
            <a:r>
              <a:rPr lang="da-DK" sz="3800" b="1"/>
              <a:t>, kandidat, master og kurser</a:t>
            </a:r>
            <a:br>
              <a:rPr lang="da-DK" sz="3800" b="1"/>
            </a:br>
            <a:r>
              <a:rPr lang="da-DK" sz="3800" b="1"/>
              <a:t/>
            </a:r>
            <a:br>
              <a:rPr lang="da-DK" sz="3800" b="1"/>
            </a:br>
            <a:r>
              <a:rPr lang="da-DK" sz="3800"/>
              <a:t>Hvad, Hvem, Hvor og Hvordan?</a:t>
            </a:r>
            <a:r>
              <a:rPr lang="da-DK" sz="3800" b="1"/>
              <a:t/>
            </a:r>
            <a:br>
              <a:rPr lang="da-DK" sz="3800" b="1"/>
            </a:br>
            <a:r>
              <a:rPr lang="da-DK" sz="3800"/>
              <a:t/>
            </a:r>
            <a:br>
              <a:rPr lang="da-DK" sz="3800"/>
            </a:br>
            <a:endParaRPr lang="da-DK" sz="3800"/>
          </a:p>
        </p:txBody>
      </p:sp>
    </p:spTree>
    <p:extLst>
      <p:ext uri="{BB962C8B-B14F-4D97-AF65-F5344CB8AC3E}">
        <p14:creationId xmlns:p14="http://schemas.microsoft.com/office/powerpoint/2010/main" val="383753258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3334B317-F39E-4F6C-92CC-ED855D495B7D}"/>
              </a:ext>
            </a:extLst>
          </p:cNvPr>
          <p:cNvSpPr/>
          <p:nvPr/>
        </p:nvSpPr>
        <p:spPr>
          <a:xfrm>
            <a:off x="-1" y="4567"/>
            <a:ext cx="12188826" cy="685248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err="1"/>
          </a:p>
        </p:txBody>
      </p:sp>
      <p:pic>
        <p:nvPicPr>
          <p:cNvPr id="11" name="Picture 10">
            <a:extLst>
              <a:ext uri="{FF2B5EF4-FFF2-40B4-BE49-F238E27FC236}">
                <a16:creationId xmlns:a16="http://schemas.microsoft.com/office/drawing/2014/main" id="{D015BCAA-5C26-4FDB-8072-691E9953ED9E}"/>
              </a:ext>
            </a:extLst>
          </p:cNvPr>
          <p:cNvPicPr>
            <a:picLocks noChangeAspect="1"/>
          </p:cNvPicPr>
          <p:nvPr/>
        </p:nvPicPr>
        <p:blipFill>
          <a:blip r:embed="rId6"/>
          <a:stretch>
            <a:fillRect/>
          </a:stretch>
        </p:blipFill>
        <p:spPr>
          <a:xfrm>
            <a:off x="30470" y="69507"/>
            <a:ext cx="1813011" cy="1032197"/>
          </a:xfrm>
          <a:prstGeom prst="rect">
            <a:avLst/>
          </a:prstGeom>
        </p:spPr>
      </p:pic>
      <p:sp>
        <p:nvSpPr>
          <p:cNvPr id="7" name="Tekstfelt 6"/>
          <p:cNvSpPr txBox="1"/>
          <p:nvPr/>
        </p:nvSpPr>
        <p:spPr>
          <a:xfrm>
            <a:off x="-1" y="685518"/>
            <a:ext cx="12188826" cy="613373"/>
          </a:xfrm>
          <a:prstGeom prst="rect">
            <a:avLst/>
          </a:prstGeom>
          <a:noFill/>
        </p:spPr>
        <p:txBody>
          <a:bodyPr wrap="square" rtlCol="0">
            <a:spAutoFit/>
          </a:bodyPr>
          <a:lstStyle/>
          <a:p>
            <a:pPr algn="ctr" defTabSz="914110"/>
            <a:r>
              <a:rPr lang="da-DK" sz="3386" dirty="0">
                <a:latin typeface="Open Sans Light" panose="020B0306030504020204" pitchFamily="34" charset="0"/>
                <a:ea typeface="Open Sans Light" panose="020B0306030504020204" pitchFamily="34" charset="0"/>
                <a:cs typeface="Open Sans Light" panose="020B0306030504020204" pitchFamily="34" charset="0"/>
              </a:rPr>
              <a:t>It’s all </a:t>
            </a:r>
            <a:r>
              <a:rPr lang="da-DK" sz="3386" dirty="0" err="1">
                <a:latin typeface="Open Sans Light" panose="020B0306030504020204" pitchFamily="34" charset="0"/>
                <a:ea typeface="Open Sans Light" panose="020B0306030504020204" pitchFamily="34" charset="0"/>
                <a:cs typeface="Open Sans Light" panose="020B0306030504020204" pitchFamily="34" charset="0"/>
              </a:rPr>
              <a:t>about</a:t>
            </a:r>
            <a:r>
              <a:rPr lang="da-DK" sz="3386" dirty="0">
                <a:latin typeface="Open Sans Light" panose="020B0306030504020204" pitchFamily="34" charset="0"/>
                <a:ea typeface="Open Sans Light" panose="020B0306030504020204" pitchFamily="34" charset="0"/>
                <a:cs typeface="Open Sans Light" panose="020B0306030504020204" pitchFamily="34" charset="0"/>
              </a:rPr>
              <a:t> Innovation</a:t>
            </a:r>
          </a:p>
        </p:txBody>
      </p:sp>
      <p:pic>
        <p:nvPicPr>
          <p:cNvPr id="8" name="Billede 7" descr="Et billede, der indeholder kulør, person, mand, sort&#10;&#10;Automatisk genereret beskrivelse">
            <a:extLst>
              <a:ext uri="{FF2B5EF4-FFF2-40B4-BE49-F238E27FC236}">
                <a16:creationId xmlns:a16="http://schemas.microsoft.com/office/drawing/2014/main" id="{83CD04E5-2064-4A91-A106-DAC10878F7E4}"/>
              </a:ext>
            </a:extLst>
          </p:cNvPr>
          <p:cNvPicPr>
            <a:picLocks noChangeAspect="1"/>
          </p:cNvPicPr>
          <p:nvPr/>
        </p:nvPicPr>
        <p:blipFill rotWithShape="1">
          <a:blip r:embed="rId7"/>
          <a:srcRect l="2239" t="10199" r="-117" b="48038"/>
          <a:stretch/>
        </p:blipFill>
        <p:spPr>
          <a:xfrm>
            <a:off x="609693" y="1910606"/>
            <a:ext cx="7087819" cy="4472162"/>
          </a:xfrm>
          <a:prstGeom prst="rect">
            <a:avLst/>
          </a:prstGeom>
        </p:spPr>
      </p:pic>
      <p:cxnSp>
        <p:nvCxnSpPr>
          <p:cNvPr id="10" name="Straight Connector 15">
            <a:extLst>
              <a:ext uri="{FF2B5EF4-FFF2-40B4-BE49-F238E27FC236}">
                <a16:creationId xmlns:a16="http://schemas.microsoft.com/office/drawing/2014/main" id="{FC537117-533D-4694-9E6C-3446C2A102A6}"/>
              </a:ext>
            </a:extLst>
          </p:cNvPr>
          <p:cNvCxnSpPr>
            <a:cxnSpLocks/>
          </p:cNvCxnSpPr>
          <p:nvPr/>
        </p:nvCxnSpPr>
        <p:spPr>
          <a:xfrm>
            <a:off x="4560822" y="1331800"/>
            <a:ext cx="3059394" cy="0"/>
          </a:xfrm>
          <a:prstGeom prst="line">
            <a:avLst/>
          </a:prstGeom>
          <a:ln w="19050">
            <a:solidFill>
              <a:srgbClr val="F11935"/>
            </a:solidFill>
          </a:ln>
        </p:spPr>
        <p:style>
          <a:lnRef idx="1">
            <a:schemeClr val="accent2"/>
          </a:lnRef>
          <a:fillRef idx="0">
            <a:schemeClr val="accent2"/>
          </a:fillRef>
          <a:effectRef idx="0">
            <a:schemeClr val="accent2"/>
          </a:effectRef>
          <a:fontRef idx="minor">
            <a:schemeClr val="tx1"/>
          </a:fontRef>
        </p:style>
      </p:cxnSp>
      <p:sp>
        <p:nvSpPr>
          <p:cNvPr id="13" name="Snip Single Corner Rectangle 9">
            <a:extLst>
              <a:ext uri="{FF2B5EF4-FFF2-40B4-BE49-F238E27FC236}">
                <a16:creationId xmlns:a16="http://schemas.microsoft.com/office/drawing/2014/main" id="{288E58C0-76D8-4BE5-BAA7-824F24780477}"/>
              </a:ext>
            </a:extLst>
          </p:cNvPr>
          <p:cNvSpPr/>
          <p:nvPr/>
        </p:nvSpPr>
        <p:spPr>
          <a:xfrm rot="10800000" flipH="1">
            <a:off x="5876478" y="2443895"/>
            <a:ext cx="6312347" cy="3271034"/>
          </a:xfrm>
          <a:custGeom>
            <a:avLst/>
            <a:gdLst>
              <a:gd name="connsiteX0" fmla="*/ 0 w 3822192"/>
              <a:gd name="connsiteY0" fmla="*/ 0 h 2615184"/>
              <a:gd name="connsiteX1" fmla="*/ 3386319 w 3822192"/>
              <a:gd name="connsiteY1" fmla="*/ 0 h 2615184"/>
              <a:gd name="connsiteX2" fmla="*/ 3822192 w 3822192"/>
              <a:gd name="connsiteY2" fmla="*/ 435873 h 2615184"/>
              <a:gd name="connsiteX3" fmla="*/ 3822192 w 3822192"/>
              <a:gd name="connsiteY3" fmla="*/ 2615184 h 2615184"/>
              <a:gd name="connsiteX4" fmla="*/ 0 w 3822192"/>
              <a:gd name="connsiteY4" fmla="*/ 2615184 h 2615184"/>
              <a:gd name="connsiteX5" fmla="*/ 0 w 3822192"/>
              <a:gd name="connsiteY5" fmla="*/ 0 h 2615184"/>
              <a:gd name="connsiteX0" fmla="*/ 0 w 3822192"/>
              <a:gd name="connsiteY0" fmla="*/ 0 h 2615184"/>
              <a:gd name="connsiteX1" fmla="*/ 3822192 w 3822192"/>
              <a:gd name="connsiteY1" fmla="*/ 435873 h 2615184"/>
              <a:gd name="connsiteX2" fmla="*/ 3822192 w 3822192"/>
              <a:gd name="connsiteY2" fmla="*/ 2615184 h 2615184"/>
              <a:gd name="connsiteX3" fmla="*/ 0 w 3822192"/>
              <a:gd name="connsiteY3" fmla="*/ 2615184 h 2615184"/>
              <a:gd name="connsiteX4" fmla="*/ 0 w 3822192"/>
              <a:gd name="connsiteY4" fmla="*/ 0 h 2615184"/>
              <a:gd name="connsiteX0" fmla="*/ 0 w 3822192"/>
              <a:gd name="connsiteY0" fmla="*/ 431460 h 3046644"/>
              <a:gd name="connsiteX1" fmla="*/ 3822192 w 3822192"/>
              <a:gd name="connsiteY1" fmla="*/ 0 h 3046644"/>
              <a:gd name="connsiteX2" fmla="*/ 3822192 w 3822192"/>
              <a:gd name="connsiteY2" fmla="*/ 3046644 h 3046644"/>
              <a:gd name="connsiteX3" fmla="*/ 0 w 3822192"/>
              <a:gd name="connsiteY3" fmla="*/ 3046644 h 3046644"/>
              <a:gd name="connsiteX4" fmla="*/ 0 w 3822192"/>
              <a:gd name="connsiteY4" fmla="*/ 431460 h 30466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22192" h="3046644">
                <a:moveTo>
                  <a:pt x="0" y="431460"/>
                </a:moveTo>
                <a:lnTo>
                  <a:pt x="3822192" y="0"/>
                </a:lnTo>
                <a:lnTo>
                  <a:pt x="3822192" y="3046644"/>
                </a:lnTo>
                <a:lnTo>
                  <a:pt x="0" y="3046644"/>
                </a:lnTo>
                <a:lnTo>
                  <a:pt x="0" y="431460"/>
                </a:lnTo>
                <a:close/>
              </a:path>
            </a:pathLst>
          </a:custGeom>
          <a:solidFill>
            <a:srgbClr val="ED1A3B">
              <a:alpha val="7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15" dirty="0"/>
          </a:p>
        </p:txBody>
      </p:sp>
      <p:sp>
        <p:nvSpPr>
          <p:cNvPr id="15" name="Tekstfelt 14">
            <a:extLst>
              <a:ext uri="{FF2B5EF4-FFF2-40B4-BE49-F238E27FC236}">
                <a16:creationId xmlns:a16="http://schemas.microsoft.com/office/drawing/2014/main" id="{69A46DA9-1720-45DC-8251-96F5D55E11B2}"/>
              </a:ext>
            </a:extLst>
          </p:cNvPr>
          <p:cNvSpPr txBox="1"/>
          <p:nvPr/>
        </p:nvSpPr>
        <p:spPr>
          <a:xfrm>
            <a:off x="6172545" y="4471532"/>
            <a:ext cx="5001589" cy="553574"/>
          </a:xfrm>
          <a:prstGeom prst="rect">
            <a:avLst/>
          </a:prstGeom>
          <a:noFill/>
        </p:spPr>
        <p:txBody>
          <a:bodyPr wrap="square" rtlCol="0">
            <a:normAutofit/>
          </a:bodyPr>
          <a:lstStyle/>
          <a:p>
            <a:pPr defTabSz="914110"/>
            <a:r>
              <a:rPr lang="da-DK" sz="1481"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Gunnar Gregersen, grundlægger af Teknologisk Institut og direktør 1906-1950</a:t>
            </a:r>
          </a:p>
        </p:txBody>
      </p:sp>
      <p:cxnSp>
        <p:nvCxnSpPr>
          <p:cNvPr id="16" name="Straight Connector 15">
            <a:extLst>
              <a:ext uri="{FF2B5EF4-FFF2-40B4-BE49-F238E27FC236}">
                <a16:creationId xmlns:a16="http://schemas.microsoft.com/office/drawing/2014/main" id="{3D18028B-182D-4633-B500-3216CCD9B1D1}"/>
              </a:ext>
            </a:extLst>
          </p:cNvPr>
          <p:cNvCxnSpPr>
            <a:cxnSpLocks/>
          </p:cNvCxnSpPr>
          <p:nvPr/>
        </p:nvCxnSpPr>
        <p:spPr>
          <a:xfrm>
            <a:off x="6295929" y="4365532"/>
            <a:ext cx="811766" cy="0"/>
          </a:xfrm>
          <a:prstGeom prst="line">
            <a:avLst/>
          </a:prstGeom>
          <a:ln w="12700">
            <a:solidFill>
              <a:schemeClr val="bg1"/>
            </a:solidFill>
          </a:ln>
        </p:spPr>
        <p:style>
          <a:lnRef idx="1">
            <a:schemeClr val="accent2"/>
          </a:lnRef>
          <a:fillRef idx="0">
            <a:schemeClr val="accent2"/>
          </a:fillRef>
          <a:effectRef idx="0">
            <a:schemeClr val="accent2"/>
          </a:effectRef>
          <a:fontRef idx="minor">
            <a:schemeClr val="tx1"/>
          </a:fontRef>
        </p:style>
      </p:cxnSp>
      <p:sp>
        <p:nvSpPr>
          <p:cNvPr id="17" name="Text Box 4">
            <a:extLst>
              <a:ext uri="{FF2B5EF4-FFF2-40B4-BE49-F238E27FC236}">
                <a16:creationId xmlns:a16="http://schemas.microsoft.com/office/drawing/2014/main" id="{EB2B794E-DC68-4A6B-BE90-48FEEFA67DC7}"/>
              </a:ext>
            </a:extLst>
          </p:cNvPr>
          <p:cNvSpPr txBox="1">
            <a:spLocks noChangeArrowheads="1"/>
          </p:cNvSpPr>
          <p:nvPr/>
        </p:nvSpPr>
        <p:spPr bwMode="auto">
          <a:xfrm>
            <a:off x="6172546" y="2679879"/>
            <a:ext cx="5001589" cy="1237400"/>
          </a:xfrm>
          <a:prstGeom prst="rect">
            <a:avLst/>
          </a:prstGeom>
          <a:noFill/>
          <a:ln>
            <a:noFill/>
            <a:headEnd/>
            <a:tailEnd/>
          </a:ln>
        </p:spPr>
        <p:style>
          <a:lnRef idx="2">
            <a:schemeClr val="accent3"/>
          </a:lnRef>
          <a:fillRef idx="1">
            <a:schemeClr val="lt1"/>
          </a:fillRef>
          <a:effectRef idx="0">
            <a:schemeClr val="accent3"/>
          </a:effectRef>
          <a:fontRef idx="minor">
            <a:schemeClr val="dk1"/>
          </a:fontRef>
        </p:style>
        <p:txBody>
          <a:bodyPr wrap="square">
            <a:noAutofit/>
          </a:bodyPr>
          <a:lstStyle/>
          <a:p>
            <a:pPr defTabSz="914110">
              <a:spcBef>
                <a:spcPct val="50000"/>
              </a:spcBef>
              <a:defRPr/>
            </a:pPr>
            <a:r>
              <a:rPr lang="da-DK" sz="1690" dirty="0">
                <a:solidFill>
                  <a:schemeClr val="bg1"/>
                </a:solidFill>
                <a:latin typeface="Open Sans Light" panose="020B0306030504020204" pitchFamily="34" charset="0"/>
                <a:ea typeface="Open Sans Light" panose="020B0306030504020204" pitchFamily="34" charset="0"/>
                <a:cs typeface="Open Sans Light" panose="020B0306030504020204" pitchFamily="34" charset="0"/>
              </a:rPr>
              <a:t>”Se fremad, fremad! Aflur den kommende tid de veje, den vil bane for udviklingen, og stil jer så dér, hvor I aner, at Instituttets hjælp bliver fornøden. Vent ikke, at nyt land nås ad gamle, banede veje. Ad ukendte stier og snarveje vil vejen ofte gå”</a:t>
            </a:r>
          </a:p>
        </p:txBody>
      </p:sp>
      <p:sp>
        <p:nvSpPr>
          <p:cNvPr id="18" name="TemplafyLockedShape" descr="TemplafyLockedShape"/>
          <p:cNvSpPr>
            <a:spLocks noGrp="1" noSelect="1" noRot="1" noChangeAspect="1" noMove="1" noResize="1" noEditPoints="1" noAdjustHandles="1" noChangeArrowheads="1" noChangeShapeType="1" noTextEdit="1"/>
          </p:cNvSpPr>
          <p:nvPr/>
        </p:nvSpPr>
        <p:spPr>
          <a:xfrm>
            <a:off x="0" y="0"/>
            <a:ext cx="12188825" cy="6858000"/>
          </a:xfrm>
          <a:prstGeom prst="rect">
            <a:avLst/>
          </a:prstGeom>
          <a:solidFill>
            <a:schemeClr val="bg1">
              <a:shade val="50000"/>
              <a:alpha val="0"/>
            </a:schemeClr>
          </a:solidFill>
          <a:ln>
            <a:noFill/>
          </a:ln>
        </p:spPr>
        <p:style>
          <a:lnRef idx="2">
            <a:schemeClr val="bg1">
              <a:shade val="50000"/>
              <a:alpha val="0"/>
            </a:schemeClr>
          </a:lnRef>
          <a:fillRef idx="1">
            <a:schemeClr val="bg1">
              <a:shade val="50000"/>
              <a:alpha val="0"/>
            </a:schemeClr>
          </a:fillRef>
          <a:effectRef idx="0">
            <a:schemeClr val="bg1">
              <a:shade val="50000"/>
              <a:alpha val="0"/>
            </a:schemeClr>
          </a:effectRef>
          <a:fontRef idx="minor">
            <a:schemeClr val="bg1">
              <a:shade val="50000"/>
              <a:alpha val="0"/>
            </a:schemeClr>
          </a:fontRef>
        </p:style>
      </p:sp>
    </p:spTree>
    <p:custDataLst>
      <p:custData r:id="rId1"/>
      <p:custData r:id="rId2"/>
      <p:tags r:id="rId3"/>
    </p:custDataLst>
    <p:extLst>
      <p:ext uri="{BB962C8B-B14F-4D97-AF65-F5344CB8AC3E}">
        <p14:creationId xmlns:p14="http://schemas.microsoft.com/office/powerpoint/2010/main" val="163382029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ktangel 2">
            <a:extLst>
              <a:ext uri="{FF2B5EF4-FFF2-40B4-BE49-F238E27FC236}">
                <a16:creationId xmlns:a16="http://schemas.microsoft.com/office/drawing/2014/main" id="{6E873CB5-FF34-4F80-9C50-9A5850B39C4F}"/>
              </a:ext>
            </a:extLst>
          </p:cNvPr>
          <p:cNvSpPr>
            <a:spLocks/>
          </p:cNvSpPr>
          <p:nvPr/>
        </p:nvSpPr>
        <p:spPr>
          <a:xfrm>
            <a:off x="0" y="684446"/>
            <a:ext cx="12188824" cy="613373"/>
          </a:xfrm>
          <a:prstGeom prst="rect">
            <a:avLst/>
          </a:prstGeom>
        </p:spPr>
        <p:txBody>
          <a:bodyPr wrap="square">
            <a:spAutoFit/>
          </a:bodyPr>
          <a:lstStyle/>
          <a:p>
            <a:pPr algn="ctr"/>
            <a:r>
              <a:rPr lang="da-DK" sz="3386" dirty="0">
                <a:latin typeface="Open Sans Light" panose="020B0306030504020204" pitchFamily="34" charset="0"/>
                <a:ea typeface="Open Sans Light" panose="020B0306030504020204" pitchFamily="34" charset="0"/>
                <a:cs typeface="Open Sans Light" panose="020B0306030504020204" pitchFamily="34" charset="0"/>
              </a:rPr>
              <a:t>Nøgletal</a:t>
            </a:r>
          </a:p>
        </p:txBody>
      </p:sp>
      <p:cxnSp>
        <p:nvCxnSpPr>
          <p:cNvPr id="4" name="Straight Connector 15">
            <a:extLst>
              <a:ext uri="{FF2B5EF4-FFF2-40B4-BE49-F238E27FC236}">
                <a16:creationId xmlns:a16="http://schemas.microsoft.com/office/drawing/2014/main" id="{3D1A4B03-3209-4720-BE86-48C32E4EADC3}"/>
              </a:ext>
            </a:extLst>
          </p:cNvPr>
          <p:cNvCxnSpPr>
            <a:cxnSpLocks/>
          </p:cNvCxnSpPr>
          <p:nvPr/>
        </p:nvCxnSpPr>
        <p:spPr>
          <a:xfrm>
            <a:off x="4560822" y="1331800"/>
            <a:ext cx="3059394" cy="0"/>
          </a:xfrm>
          <a:prstGeom prst="line">
            <a:avLst/>
          </a:prstGeom>
          <a:ln w="19050">
            <a:solidFill>
              <a:srgbClr val="F11935"/>
            </a:solidFill>
          </a:ln>
        </p:spPr>
        <p:style>
          <a:lnRef idx="1">
            <a:schemeClr val="accent2"/>
          </a:lnRef>
          <a:fillRef idx="0">
            <a:schemeClr val="accent2"/>
          </a:fillRef>
          <a:effectRef idx="0">
            <a:schemeClr val="accent2"/>
          </a:effectRef>
          <a:fontRef idx="minor">
            <a:schemeClr val="tx1"/>
          </a:fontRef>
        </p:style>
      </p:cxnSp>
      <p:pic>
        <p:nvPicPr>
          <p:cNvPr id="11" name="Billede 10">
            <a:extLst>
              <a:ext uri="{FF2B5EF4-FFF2-40B4-BE49-F238E27FC236}">
                <a16:creationId xmlns:a16="http://schemas.microsoft.com/office/drawing/2014/main" id="{CE03A2EB-F560-420E-996D-75005C7818B4}"/>
              </a:ext>
            </a:extLst>
          </p:cNvPr>
          <p:cNvPicPr>
            <a:picLocks noChangeAspect="1"/>
          </p:cNvPicPr>
          <p:nvPr/>
        </p:nvPicPr>
        <p:blipFill rotWithShape="1">
          <a:blip r:embed="rId4">
            <a:duotone>
              <a:schemeClr val="bg2">
                <a:shade val="45000"/>
                <a:satMod val="135000"/>
              </a:schemeClr>
              <a:prstClr val="white"/>
            </a:duotone>
            <a:extLst>
              <a:ext uri="{BEBA8EAE-BF5A-486C-A8C5-ECC9F3942E4B}">
                <a14:imgProps xmlns:a14="http://schemas.microsoft.com/office/drawing/2010/main">
                  <a14:imgLayer r:embed="rId5">
                    <a14:imgEffect>
                      <a14:brightnessContrast bright="40000" contrast="40000"/>
                    </a14:imgEffect>
                  </a14:imgLayer>
                </a14:imgProps>
              </a:ext>
            </a:extLst>
          </a:blip>
          <a:srcRect l="1" t="28884" r="262"/>
          <a:stretch/>
        </p:blipFill>
        <p:spPr>
          <a:xfrm>
            <a:off x="473779" y="2090370"/>
            <a:ext cx="5551473" cy="1092574"/>
          </a:xfrm>
          <a:prstGeom prst="rect">
            <a:avLst/>
          </a:prstGeom>
        </p:spPr>
      </p:pic>
      <p:pic>
        <p:nvPicPr>
          <p:cNvPr id="12" name="Billede 11">
            <a:extLst>
              <a:ext uri="{FF2B5EF4-FFF2-40B4-BE49-F238E27FC236}">
                <a16:creationId xmlns:a16="http://schemas.microsoft.com/office/drawing/2014/main" id="{0D48821C-5E80-4286-A2F0-3A82A793FB35}"/>
              </a:ext>
            </a:extLst>
          </p:cNvPr>
          <p:cNvPicPr>
            <a:picLocks noChangeAspect="1"/>
          </p:cNvPicPr>
          <p:nvPr/>
        </p:nvPicPr>
        <p:blipFill rotWithShape="1">
          <a:blip r:embed="rId6">
            <a:duotone>
              <a:schemeClr val="bg2">
                <a:shade val="45000"/>
                <a:satMod val="135000"/>
              </a:schemeClr>
              <a:prstClr val="white"/>
            </a:duotone>
            <a:extLst>
              <a:ext uri="{BEBA8EAE-BF5A-486C-A8C5-ECC9F3942E4B}">
                <a14:imgProps xmlns:a14="http://schemas.microsoft.com/office/drawing/2010/main">
                  <a14:imgLayer r:embed="rId5">
                    <a14:imgEffect>
                      <a14:brightnessContrast bright="20000" contrast="40000"/>
                    </a14:imgEffect>
                  </a14:imgLayer>
                </a14:imgProps>
              </a:ext>
            </a:extLst>
          </a:blip>
          <a:srcRect l="1" t="28884" r="262"/>
          <a:stretch/>
        </p:blipFill>
        <p:spPr>
          <a:xfrm flipH="1" flipV="1">
            <a:off x="473778" y="3057838"/>
            <a:ext cx="5551473" cy="1092574"/>
          </a:xfrm>
          <a:prstGeom prst="rect">
            <a:avLst/>
          </a:prstGeom>
        </p:spPr>
      </p:pic>
      <p:pic>
        <p:nvPicPr>
          <p:cNvPr id="13" name="Billede 12">
            <a:extLst>
              <a:ext uri="{FF2B5EF4-FFF2-40B4-BE49-F238E27FC236}">
                <a16:creationId xmlns:a16="http://schemas.microsoft.com/office/drawing/2014/main" id="{6DAC7275-49E8-469A-B6F6-9F4FDB28B28F}"/>
              </a:ext>
            </a:extLst>
          </p:cNvPr>
          <p:cNvPicPr>
            <a:picLocks noChangeAspect="1"/>
          </p:cNvPicPr>
          <p:nvPr/>
        </p:nvPicPr>
        <p:blipFill rotWithShape="1">
          <a:blip r:embed="rId7">
            <a:duotone>
              <a:schemeClr val="bg2">
                <a:shade val="45000"/>
                <a:satMod val="135000"/>
              </a:schemeClr>
              <a:prstClr val="white"/>
            </a:duotone>
            <a:extLst>
              <a:ext uri="{BEBA8EAE-BF5A-486C-A8C5-ECC9F3942E4B}">
                <a14:imgProps xmlns:a14="http://schemas.microsoft.com/office/drawing/2010/main">
                  <a14:imgLayer r:embed="rId5">
                    <a14:imgEffect>
                      <a14:brightnessContrast contrast="20000"/>
                    </a14:imgEffect>
                  </a14:imgLayer>
                </a14:imgProps>
              </a:ext>
            </a:extLst>
          </a:blip>
          <a:srcRect l="1" t="28884" r="262"/>
          <a:stretch/>
        </p:blipFill>
        <p:spPr>
          <a:xfrm>
            <a:off x="473780" y="4271222"/>
            <a:ext cx="5551473" cy="1092574"/>
          </a:xfrm>
          <a:prstGeom prst="rect">
            <a:avLst/>
          </a:prstGeom>
        </p:spPr>
      </p:pic>
      <p:pic>
        <p:nvPicPr>
          <p:cNvPr id="14" name="Billede 13">
            <a:extLst>
              <a:ext uri="{FF2B5EF4-FFF2-40B4-BE49-F238E27FC236}">
                <a16:creationId xmlns:a16="http://schemas.microsoft.com/office/drawing/2014/main" id="{9DCC5133-FA7F-44C5-9177-00DFDCA13DFC}"/>
              </a:ext>
            </a:extLst>
          </p:cNvPr>
          <p:cNvPicPr>
            <a:picLocks noChangeAspect="1"/>
          </p:cNvPicPr>
          <p:nvPr/>
        </p:nvPicPr>
        <p:blipFill rotWithShape="1">
          <a:blip r:embed="rId8">
            <a:duotone>
              <a:schemeClr val="bg2">
                <a:shade val="45000"/>
                <a:satMod val="135000"/>
              </a:schemeClr>
              <a:prstClr val="white"/>
            </a:duotone>
            <a:extLst>
              <a:ext uri="{BEBA8EAE-BF5A-486C-A8C5-ECC9F3942E4B}">
                <a14:imgProps xmlns:a14="http://schemas.microsoft.com/office/drawing/2010/main">
                  <a14:imgLayer r:embed="rId5">
                    <a14:imgEffect>
                      <a14:brightnessContrast bright="-20000" contrast="40000"/>
                    </a14:imgEffect>
                  </a14:imgLayer>
                </a14:imgProps>
              </a:ext>
            </a:extLst>
          </a:blip>
          <a:srcRect l="1" t="28884" r="262"/>
          <a:stretch/>
        </p:blipFill>
        <p:spPr>
          <a:xfrm flipH="1" flipV="1">
            <a:off x="473779" y="5238690"/>
            <a:ext cx="5551473" cy="1092574"/>
          </a:xfrm>
          <a:prstGeom prst="rect">
            <a:avLst/>
          </a:prstGeom>
        </p:spPr>
      </p:pic>
      <p:pic>
        <p:nvPicPr>
          <p:cNvPr id="15" name="Billede 14">
            <a:extLst>
              <a:ext uri="{FF2B5EF4-FFF2-40B4-BE49-F238E27FC236}">
                <a16:creationId xmlns:a16="http://schemas.microsoft.com/office/drawing/2014/main" id="{8829DF17-57B5-406F-94FB-4D127113EE26}"/>
              </a:ext>
            </a:extLst>
          </p:cNvPr>
          <p:cNvPicPr>
            <a:picLocks noChangeAspect="1"/>
          </p:cNvPicPr>
          <p:nvPr/>
        </p:nvPicPr>
        <p:blipFill rotWithShape="1">
          <a:blip r:embed="rId4">
            <a:duotone>
              <a:schemeClr val="bg2">
                <a:shade val="45000"/>
                <a:satMod val="135000"/>
              </a:schemeClr>
              <a:prstClr val="white"/>
            </a:duotone>
            <a:extLst>
              <a:ext uri="{BEBA8EAE-BF5A-486C-A8C5-ECC9F3942E4B}">
                <a14:imgProps xmlns:a14="http://schemas.microsoft.com/office/drawing/2010/main">
                  <a14:imgLayer r:embed="rId5">
                    <a14:imgEffect>
                      <a14:brightnessContrast bright="40000" contrast="40000"/>
                    </a14:imgEffect>
                  </a14:imgLayer>
                </a14:imgProps>
              </a:ext>
            </a:extLst>
          </a:blip>
          <a:srcRect l="1" t="28884" r="262"/>
          <a:stretch/>
        </p:blipFill>
        <p:spPr>
          <a:xfrm>
            <a:off x="6252280" y="2090370"/>
            <a:ext cx="5551473" cy="1092574"/>
          </a:xfrm>
          <a:prstGeom prst="rect">
            <a:avLst/>
          </a:prstGeom>
        </p:spPr>
      </p:pic>
      <p:pic>
        <p:nvPicPr>
          <p:cNvPr id="16" name="Billede 15">
            <a:extLst>
              <a:ext uri="{FF2B5EF4-FFF2-40B4-BE49-F238E27FC236}">
                <a16:creationId xmlns:a16="http://schemas.microsoft.com/office/drawing/2014/main" id="{1D6E3813-9772-4CE1-AB4C-3949705CB14E}"/>
              </a:ext>
            </a:extLst>
          </p:cNvPr>
          <p:cNvPicPr>
            <a:picLocks noChangeAspect="1"/>
          </p:cNvPicPr>
          <p:nvPr/>
        </p:nvPicPr>
        <p:blipFill rotWithShape="1">
          <a:blip r:embed="rId6">
            <a:duotone>
              <a:schemeClr val="bg2">
                <a:shade val="45000"/>
                <a:satMod val="135000"/>
              </a:schemeClr>
              <a:prstClr val="white"/>
            </a:duotone>
            <a:extLst>
              <a:ext uri="{BEBA8EAE-BF5A-486C-A8C5-ECC9F3942E4B}">
                <a14:imgProps xmlns:a14="http://schemas.microsoft.com/office/drawing/2010/main">
                  <a14:imgLayer r:embed="rId5">
                    <a14:imgEffect>
                      <a14:brightnessContrast bright="20000" contrast="40000"/>
                    </a14:imgEffect>
                  </a14:imgLayer>
                </a14:imgProps>
              </a:ext>
            </a:extLst>
          </a:blip>
          <a:srcRect l="1" t="28884" r="262"/>
          <a:stretch/>
        </p:blipFill>
        <p:spPr>
          <a:xfrm flipH="1" flipV="1">
            <a:off x="6252279" y="3057838"/>
            <a:ext cx="5551473" cy="1092574"/>
          </a:xfrm>
          <a:prstGeom prst="rect">
            <a:avLst/>
          </a:prstGeom>
        </p:spPr>
      </p:pic>
      <p:pic>
        <p:nvPicPr>
          <p:cNvPr id="17" name="Billede 16">
            <a:extLst>
              <a:ext uri="{FF2B5EF4-FFF2-40B4-BE49-F238E27FC236}">
                <a16:creationId xmlns:a16="http://schemas.microsoft.com/office/drawing/2014/main" id="{7B235118-BB77-4030-97CD-B1CD6187A68B}"/>
              </a:ext>
            </a:extLst>
          </p:cNvPr>
          <p:cNvPicPr>
            <a:picLocks noChangeAspect="1"/>
          </p:cNvPicPr>
          <p:nvPr/>
        </p:nvPicPr>
        <p:blipFill rotWithShape="1">
          <a:blip r:embed="rId7">
            <a:duotone>
              <a:schemeClr val="bg2">
                <a:shade val="45000"/>
                <a:satMod val="135000"/>
              </a:schemeClr>
              <a:prstClr val="white"/>
            </a:duotone>
            <a:extLst>
              <a:ext uri="{BEBA8EAE-BF5A-486C-A8C5-ECC9F3942E4B}">
                <a14:imgProps xmlns:a14="http://schemas.microsoft.com/office/drawing/2010/main">
                  <a14:imgLayer r:embed="rId5">
                    <a14:imgEffect>
                      <a14:brightnessContrast contrast="20000"/>
                    </a14:imgEffect>
                  </a14:imgLayer>
                </a14:imgProps>
              </a:ext>
            </a:extLst>
          </a:blip>
          <a:srcRect l="1" t="28884" r="262"/>
          <a:stretch/>
        </p:blipFill>
        <p:spPr>
          <a:xfrm>
            <a:off x="6252281" y="4271222"/>
            <a:ext cx="5551473" cy="1092574"/>
          </a:xfrm>
          <a:prstGeom prst="rect">
            <a:avLst/>
          </a:prstGeom>
        </p:spPr>
      </p:pic>
      <p:pic>
        <p:nvPicPr>
          <p:cNvPr id="18" name="Billede 17">
            <a:extLst>
              <a:ext uri="{FF2B5EF4-FFF2-40B4-BE49-F238E27FC236}">
                <a16:creationId xmlns:a16="http://schemas.microsoft.com/office/drawing/2014/main" id="{C9EE603E-691B-418E-8141-3100BFFF3FDF}"/>
              </a:ext>
            </a:extLst>
          </p:cNvPr>
          <p:cNvPicPr>
            <a:picLocks noChangeAspect="1"/>
          </p:cNvPicPr>
          <p:nvPr/>
        </p:nvPicPr>
        <p:blipFill rotWithShape="1">
          <a:blip r:embed="rId8">
            <a:duotone>
              <a:schemeClr val="bg2">
                <a:shade val="45000"/>
                <a:satMod val="135000"/>
              </a:schemeClr>
              <a:prstClr val="white"/>
            </a:duotone>
            <a:extLst>
              <a:ext uri="{BEBA8EAE-BF5A-486C-A8C5-ECC9F3942E4B}">
                <a14:imgProps xmlns:a14="http://schemas.microsoft.com/office/drawing/2010/main">
                  <a14:imgLayer r:embed="rId5">
                    <a14:imgEffect>
                      <a14:brightnessContrast bright="-20000" contrast="40000"/>
                    </a14:imgEffect>
                  </a14:imgLayer>
                </a14:imgProps>
              </a:ext>
            </a:extLst>
          </a:blip>
          <a:srcRect l="1" t="28884" r="262"/>
          <a:stretch/>
        </p:blipFill>
        <p:spPr>
          <a:xfrm flipH="1" flipV="1">
            <a:off x="6252280" y="5238690"/>
            <a:ext cx="5551473" cy="1092574"/>
          </a:xfrm>
          <a:prstGeom prst="rect">
            <a:avLst/>
          </a:prstGeom>
        </p:spPr>
      </p:pic>
      <p:sp>
        <p:nvSpPr>
          <p:cNvPr id="19" name="Tekstfelt 18">
            <a:extLst>
              <a:ext uri="{FF2B5EF4-FFF2-40B4-BE49-F238E27FC236}">
                <a16:creationId xmlns:a16="http://schemas.microsoft.com/office/drawing/2014/main" id="{F0AC21B6-0609-471C-8444-0065456BADA3}"/>
              </a:ext>
            </a:extLst>
          </p:cNvPr>
          <p:cNvSpPr txBox="1"/>
          <p:nvPr/>
        </p:nvSpPr>
        <p:spPr>
          <a:xfrm>
            <a:off x="1776760" y="2463069"/>
            <a:ext cx="4185425" cy="276999"/>
          </a:xfrm>
          <a:prstGeom prst="rect">
            <a:avLst/>
          </a:prstGeom>
          <a:noFill/>
        </p:spPr>
        <p:txBody>
          <a:bodyPr wrap="square" lIns="0" tIns="0" rIns="0" bIns="0" rtlCol="0" anchor="ctr">
            <a:spAutoFit/>
          </a:bodyPr>
          <a:lstStyle/>
          <a:p>
            <a:pPr algn="l"/>
            <a:r>
              <a:rPr lang="da-DK" sz="1800" dirty="0">
                <a:latin typeface="Open Sans Light" panose="020B0306030504020204" pitchFamily="34" charset="0"/>
                <a:ea typeface="Open Sans Light" panose="020B0306030504020204" pitchFamily="34" charset="0"/>
                <a:cs typeface="Open Sans Light" panose="020B0306030504020204" pitchFamily="34" charset="0"/>
              </a:rPr>
              <a:t>&gt;1 mia. kr. i omsætning</a:t>
            </a:r>
          </a:p>
        </p:txBody>
      </p:sp>
      <p:sp>
        <p:nvSpPr>
          <p:cNvPr id="20" name="Tekstfelt 19">
            <a:extLst>
              <a:ext uri="{FF2B5EF4-FFF2-40B4-BE49-F238E27FC236}">
                <a16:creationId xmlns:a16="http://schemas.microsoft.com/office/drawing/2014/main" id="{74AD7AAF-900C-48F9-95EE-561384DD0D4F}"/>
              </a:ext>
            </a:extLst>
          </p:cNvPr>
          <p:cNvSpPr txBox="1"/>
          <p:nvPr/>
        </p:nvSpPr>
        <p:spPr>
          <a:xfrm>
            <a:off x="1776759" y="3560386"/>
            <a:ext cx="4185425" cy="276999"/>
          </a:xfrm>
          <a:prstGeom prst="rect">
            <a:avLst/>
          </a:prstGeom>
          <a:noFill/>
        </p:spPr>
        <p:txBody>
          <a:bodyPr wrap="square" lIns="0" tIns="0" rIns="0" bIns="0" rtlCol="0" anchor="ctr">
            <a:spAutoFit/>
          </a:bodyPr>
          <a:lstStyle/>
          <a:p>
            <a:pPr algn="l"/>
            <a:r>
              <a:rPr lang="da-DK" sz="1800" dirty="0">
                <a:latin typeface="Open Sans Light" panose="020B0306030504020204" pitchFamily="34" charset="0"/>
                <a:ea typeface="Open Sans Light" panose="020B0306030504020204" pitchFamily="34" charset="0"/>
                <a:cs typeface="Open Sans Light" panose="020B0306030504020204" pitchFamily="34" charset="0"/>
              </a:rPr>
              <a:t>1.000+ specialister</a:t>
            </a:r>
          </a:p>
        </p:txBody>
      </p:sp>
      <p:sp>
        <p:nvSpPr>
          <p:cNvPr id="23" name="Tekstfelt 22">
            <a:extLst>
              <a:ext uri="{FF2B5EF4-FFF2-40B4-BE49-F238E27FC236}">
                <a16:creationId xmlns:a16="http://schemas.microsoft.com/office/drawing/2014/main" id="{7DAF29E1-2DC5-44B6-A859-85D00F3186DA}"/>
              </a:ext>
            </a:extLst>
          </p:cNvPr>
          <p:cNvSpPr txBox="1"/>
          <p:nvPr/>
        </p:nvSpPr>
        <p:spPr>
          <a:xfrm>
            <a:off x="1776758" y="4679009"/>
            <a:ext cx="4185425" cy="276999"/>
          </a:xfrm>
          <a:prstGeom prst="rect">
            <a:avLst/>
          </a:prstGeom>
          <a:noFill/>
        </p:spPr>
        <p:txBody>
          <a:bodyPr wrap="square" lIns="0" tIns="0" rIns="0" bIns="0" rtlCol="0" anchor="ctr">
            <a:spAutoFit/>
          </a:bodyPr>
          <a:lstStyle/>
          <a:p>
            <a:pPr algn="l"/>
            <a:r>
              <a:rPr lang="da-DK" sz="1800" dirty="0">
                <a:latin typeface="Open Sans Light" panose="020B0306030504020204" pitchFamily="34" charset="0"/>
                <a:ea typeface="Open Sans Light" panose="020B0306030504020204" pitchFamily="34" charset="0"/>
                <a:cs typeface="Open Sans Light" panose="020B0306030504020204" pitchFamily="34" charset="0"/>
              </a:rPr>
              <a:t>8.000+ unikke danske kunder</a:t>
            </a:r>
          </a:p>
        </p:txBody>
      </p:sp>
      <p:sp>
        <p:nvSpPr>
          <p:cNvPr id="24" name="Tekstfelt 23">
            <a:extLst>
              <a:ext uri="{FF2B5EF4-FFF2-40B4-BE49-F238E27FC236}">
                <a16:creationId xmlns:a16="http://schemas.microsoft.com/office/drawing/2014/main" id="{DB7EE5B1-5044-48A1-AFFF-69EEAFF02B43}"/>
              </a:ext>
            </a:extLst>
          </p:cNvPr>
          <p:cNvSpPr txBox="1"/>
          <p:nvPr/>
        </p:nvSpPr>
        <p:spPr>
          <a:xfrm>
            <a:off x="1776757" y="5738031"/>
            <a:ext cx="4185425" cy="276999"/>
          </a:xfrm>
          <a:prstGeom prst="rect">
            <a:avLst/>
          </a:prstGeom>
          <a:noFill/>
        </p:spPr>
        <p:txBody>
          <a:bodyPr wrap="square" lIns="0" tIns="0" rIns="0" bIns="0" rtlCol="0" anchor="ctr">
            <a:spAutoFit/>
          </a:bodyPr>
          <a:lstStyle/>
          <a:p>
            <a:pPr algn="l"/>
            <a:r>
              <a:rPr lang="da-DK" sz="1800" dirty="0">
                <a:latin typeface="Open Sans Light" panose="020B0306030504020204" pitchFamily="34" charset="0"/>
                <a:ea typeface="Open Sans Light" panose="020B0306030504020204" pitchFamily="34" charset="0"/>
                <a:cs typeface="Open Sans Light" panose="020B0306030504020204" pitchFamily="34" charset="0"/>
              </a:rPr>
              <a:t>800+ unikke F&amp;U-partnere</a:t>
            </a:r>
          </a:p>
        </p:txBody>
      </p:sp>
      <p:sp>
        <p:nvSpPr>
          <p:cNvPr id="25" name="Tekstfelt 24">
            <a:extLst>
              <a:ext uri="{FF2B5EF4-FFF2-40B4-BE49-F238E27FC236}">
                <a16:creationId xmlns:a16="http://schemas.microsoft.com/office/drawing/2014/main" id="{E714AF77-ABDB-42BD-8442-EBB9CAE8950C}"/>
              </a:ext>
            </a:extLst>
          </p:cNvPr>
          <p:cNvSpPr txBox="1"/>
          <p:nvPr/>
        </p:nvSpPr>
        <p:spPr>
          <a:xfrm>
            <a:off x="7328232" y="2465222"/>
            <a:ext cx="4185425" cy="276999"/>
          </a:xfrm>
          <a:prstGeom prst="rect">
            <a:avLst/>
          </a:prstGeom>
          <a:noFill/>
        </p:spPr>
        <p:txBody>
          <a:bodyPr wrap="square" lIns="0" tIns="0" rIns="0" bIns="0" rtlCol="0" anchor="ctr">
            <a:spAutoFit/>
          </a:bodyPr>
          <a:lstStyle/>
          <a:p>
            <a:pPr algn="l"/>
            <a:r>
              <a:rPr lang="da-DK" sz="1800" dirty="0">
                <a:latin typeface="Open Sans Light" panose="020B0306030504020204" pitchFamily="34" charset="0"/>
                <a:ea typeface="Open Sans Light" panose="020B0306030504020204" pitchFamily="34" charset="0"/>
                <a:cs typeface="Open Sans Light" panose="020B0306030504020204" pitchFamily="34" charset="0"/>
              </a:rPr>
              <a:t>&gt;400 mio. kr. i F&amp;U-aktivitet </a:t>
            </a:r>
          </a:p>
        </p:txBody>
      </p:sp>
      <p:sp>
        <p:nvSpPr>
          <p:cNvPr id="26" name="Tekstfelt 25">
            <a:extLst>
              <a:ext uri="{FF2B5EF4-FFF2-40B4-BE49-F238E27FC236}">
                <a16:creationId xmlns:a16="http://schemas.microsoft.com/office/drawing/2014/main" id="{756D1C40-A58B-41C2-8F5F-E3AFD1343AC1}"/>
              </a:ext>
            </a:extLst>
          </p:cNvPr>
          <p:cNvSpPr txBox="1"/>
          <p:nvPr/>
        </p:nvSpPr>
        <p:spPr>
          <a:xfrm>
            <a:off x="7328231" y="3562539"/>
            <a:ext cx="4185425" cy="276999"/>
          </a:xfrm>
          <a:prstGeom prst="rect">
            <a:avLst/>
          </a:prstGeom>
          <a:noFill/>
        </p:spPr>
        <p:txBody>
          <a:bodyPr wrap="square" lIns="0" tIns="0" rIns="0" bIns="0" rtlCol="0" anchor="ctr">
            <a:spAutoFit/>
          </a:bodyPr>
          <a:lstStyle/>
          <a:p>
            <a:pPr algn="l"/>
            <a:r>
              <a:rPr lang="da-DK" sz="1800" dirty="0">
                <a:latin typeface="Open Sans Light" panose="020B0306030504020204" pitchFamily="34" charset="0"/>
                <a:ea typeface="Open Sans Light" panose="020B0306030504020204" pitchFamily="34" charset="0"/>
                <a:cs typeface="Open Sans Light" panose="020B0306030504020204" pitchFamily="34" charset="0"/>
              </a:rPr>
              <a:t>&gt;350 F&amp;U-Projekter</a:t>
            </a:r>
          </a:p>
        </p:txBody>
      </p:sp>
      <p:sp>
        <p:nvSpPr>
          <p:cNvPr id="27" name="Tekstfelt 26">
            <a:extLst>
              <a:ext uri="{FF2B5EF4-FFF2-40B4-BE49-F238E27FC236}">
                <a16:creationId xmlns:a16="http://schemas.microsoft.com/office/drawing/2014/main" id="{98A8C023-DB6C-49EC-A585-F98D6B3A164F}"/>
              </a:ext>
            </a:extLst>
          </p:cNvPr>
          <p:cNvSpPr txBox="1"/>
          <p:nvPr/>
        </p:nvSpPr>
        <p:spPr>
          <a:xfrm>
            <a:off x="7328230" y="4681162"/>
            <a:ext cx="4185425" cy="276999"/>
          </a:xfrm>
          <a:prstGeom prst="rect">
            <a:avLst/>
          </a:prstGeom>
          <a:noFill/>
        </p:spPr>
        <p:txBody>
          <a:bodyPr wrap="square" lIns="0" tIns="0" rIns="0" bIns="0" rtlCol="0" anchor="ctr">
            <a:spAutoFit/>
          </a:bodyPr>
          <a:lstStyle/>
          <a:p>
            <a:pPr algn="l"/>
            <a:r>
              <a:rPr lang="da-DK" sz="1800" dirty="0">
                <a:latin typeface="Open Sans Light" panose="020B0306030504020204" pitchFamily="34" charset="0"/>
                <a:ea typeface="Open Sans Light" panose="020B0306030504020204" pitchFamily="34" charset="0"/>
                <a:cs typeface="Open Sans Light" panose="020B0306030504020204" pitchFamily="34" charset="0"/>
              </a:rPr>
              <a:t>70+ laboratorier </a:t>
            </a:r>
          </a:p>
        </p:txBody>
      </p:sp>
      <p:sp>
        <p:nvSpPr>
          <p:cNvPr id="28" name="Tekstfelt 27">
            <a:extLst>
              <a:ext uri="{FF2B5EF4-FFF2-40B4-BE49-F238E27FC236}">
                <a16:creationId xmlns:a16="http://schemas.microsoft.com/office/drawing/2014/main" id="{42FA3194-07BF-4F66-A7C0-2C995581E187}"/>
              </a:ext>
            </a:extLst>
          </p:cNvPr>
          <p:cNvSpPr txBox="1"/>
          <p:nvPr/>
        </p:nvSpPr>
        <p:spPr>
          <a:xfrm>
            <a:off x="7328229" y="5740184"/>
            <a:ext cx="4185425" cy="276999"/>
          </a:xfrm>
          <a:prstGeom prst="rect">
            <a:avLst/>
          </a:prstGeom>
          <a:noFill/>
        </p:spPr>
        <p:txBody>
          <a:bodyPr wrap="square" lIns="0" tIns="0" rIns="0" bIns="0" rtlCol="0" anchor="ctr">
            <a:spAutoFit/>
          </a:bodyPr>
          <a:lstStyle/>
          <a:p>
            <a:pPr algn="l"/>
            <a:r>
              <a:rPr lang="da-DK" sz="1800">
                <a:latin typeface="Open Sans Light" panose="020B0306030504020204" pitchFamily="34" charset="0"/>
                <a:ea typeface="Open Sans Light" panose="020B0306030504020204" pitchFamily="34" charset="0"/>
                <a:cs typeface="Open Sans Light" panose="020B0306030504020204" pitchFamily="34" charset="0"/>
              </a:rPr>
              <a:t>30.000</a:t>
            </a:r>
            <a:r>
              <a:rPr lang="da-DK" sz="1800" dirty="0">
                <a:latin typeface="Open Sans Light" panose="020B0306030504020204" pitchFamily="34" charset="0"/>
                <a:ea typeface="Open Sans Light" panose="020B0306030504020204" pitchFamily="34" charset="0"/>
                <a:cs typeface="Open Sans Light" panose="020B0306030504020204" pitchFamily="34" charset="0"/>
              </a:rPr>
              <a:t>+ kursister</a:t>
            </a:r>
          </a:p>
        </p:txBody>
      </p:sp>
      <p:pic>
        <p:nvPicPr>
          <p:cNvPr id="30" name="Billede 29">
            <a:extLst>
              <a:ext uri="{FF2B5EF4-FFF2-40B4-BE49-F238E27FC236}">
                <a16:creationId xmlns:a16="http://schemas.microsoft.com/office/drawing/2014/main" id="{A962E108-178D-4F23-BA1F-D9044ED0E56D}"/>
              </a:ext>
            </a:extLst>
          </p:cNvPr>
          <p:cNvPicPr>
            <a:picLocks noChangeAspect="1"/>
          </p:cNvPicPr>
          <p:nvPr/>
        </p:nvPicPr>
        <p:blipFill>
          <a:blip r:embed="rId9"/>
          <a:stretch>
            <a:fillRect/>
          </a:stretch>
        </p:blipFill>
        <p:spPr>
          <a:xfrm>
            <a:off x="827428" y="4588427"/>
            <a:ext cx="429059" cy="429059"/>
          </a:xfrm>
          <a:prstGeom prst="rect">
            <a:avLst/>
          </a:prstGeom>
        </p:spPr>
      </p:pic>
      <p:pic>
        <p:nvPicPr>
          <p:cNvPr id="32" name="Billede 31">
            <a:extLst>
              <a:ext uri="{FF2B5EF4-FFF2-40B4-BE49-F238E27FC236}">
                <a16:creationId xmlns:a16="http://schemas.microsoft.com/office/drawing/2014/main" id="{78417CD4-46C0-4254-AC61-883047E2C61E}"/>
              </a:ext>
            </a:extLst>
          </p:cNvPr>
          <p:cNvPicPr>
            <a:picLocks noChangeAspect="1"/>
          </p:cNvPicPr>
          <p:nvPr/>
        </p:nvPicPr>
        <p:blipFill>
          <a:blip r:embed="rId10"/>
          <a:stretch>
            <a:fillRect/>
          </a:stretch>
        </p:blipFill>
        <p:spPr>
          <a:xfrm>
            <a:off x="6580299" y="4575007"/>
            <a:ext cx="433428" cy="433428"/>
          </a:xfrm>
          <a:prstGeom prst="rect">
            <a:avLst/>
          </a:prstGeom>
        </p:spPr>
      </p:pic>
      <p:pic>
        <p:nvPicPr>
          <p:cNvPr id="34" name="Billede 33">
            <a:extLst>
              <a:ext uri="{FF2B5EF4-FFF2-40B4-BE49-F238E27FC236}">
                <a16:creationId xmlns:a16="http://schemas.microsoft.com/office/drawing/2014/main" id="{6228A62A-59E3-4F03-B82C-EF61A1E2787C}"/>
              </a:ext>
            </a:extLst>
          </p:cNvPr>
          <p:cNvPicPr>
            <a:picLocks noChangeAspect="1"/>
          </p:cNvPicPr>
          <p:nvPr/>
        </p:nvPicPr>
        <p:blipFill>
          <a:blip r:embed="rId11"/>
          <a:stretch>
            <a:fillRect/>
          </a:stretch>
        </p:blipFill>
        <p:spPr>
          <a:xfrm>
            <a:off x="792653" y="2365701"/>
            <a:ext cx="501006" cy="501006"/>
          </a:xfrm>
          <a:prstGeom prst="rect">
            <a:avLst/>
          </a:prstGeom>
        </p:spPr>
      </p:pic>
      <p:pic>
        <p:nvPicPr>
          <p:cNvPr id="36" name="Billede 35">
            <a:extLst>
              <a:ext uri="{FF2B5EF4-FFF2-40B4-BE49-F238E27FC236}">
                <a16:creationId xmlns:a16="http://schemas.microsoft.com/office/drawing/2014/main" id="{1AFFB8A8-271A-4FD5-8B21-2A8A3DA7E19C}"/>
              </a:ext>
            </a:extLst>
          </p:cNvPr>
          <p:cNvPicPr>
            <a:picLocks noChangeAspect="1"/>
          </p:cNvPicPr>
          <p:nvPr/>
        </p:nvPicPr>
        <p:blipFill>
          <a:blip r:embed="rId12"/>
          <a:stretch>
            <a:fillRect/>
          </a:stretch>
        </p:blipFill>
        <p:spPr>
          <a:xfrm>
            <a:off x="6540969" y="3496881"/>
            <a:ext cx="467001" cy="467001"/>
          </a:xfrm>
          <a:prstGeom prst="rect">
            <a:avLst/>
          </a:prstGeom>
        </p:spPr>
      </p:pic>
      <p:pic>
        <p:nvPicPr>
          <p:cNvPr id="38" name="Billede 37">
            <a:extLst>
              <a:ext uri="{FF2B5EF4-FFF2-40B4-BE49-F238E27FC236}">
                <a16:creationId xmlns:a16="http://schemas.microsoft.com/office/drawing/2014/main" id="{1511EBAF-BD23-4ACA-BEE2-B297E9479F10}"/>
              </a:ext>
            </a:extLst>
          </p:cNvPr>
          <p:cNvPicPr>
            <a:picLocks noChangeAspect="1"/>
          </p:cNvPicPr>
          <p:nvPr/>
        </p:nvPicPr>
        <p:blipFill>
          <a:blip r:embed="rId13"/>
          <a:stretch>
            <a:fillRect/>
          </a:stretch>
        </p:blipFill>
        <p:spPr>
          <a:xfrm>
            <a:off x="790258" y="3460481"/>
            <a:ext cx="503401" cy="503401"/>
          </a:xfrm>
          <a:prstGeom prst="rect">
            <a:avLst/>
          </a:prstGeom>
        </p:spPr>
      </p:pic>
      <p:pic>
        <p:nvPicPr>
          <p:cNvPr id="40" name="Billede 39">
            <a:extLst>
              <a:ext uri="{FF2B5EF4-FFF2-40B4-BE49-F238E27FC236}">
                <a16:creationId xmlns:a16="http://schemas.microsoft.com/office/drawing/2014/main" id="{0BFC41F1-709A-49E2-A6F1-C1635C624050}"/>
              </a:ext>
            </a:extLst>
          </p:cNvPr>
          <p:cNvPicPr>
            <a:picLocks noChangeAspect="1"/>
          </p:cNvPicPr>
          <p:nvPr/>
        </p:nvPicPr>
        <p:blipFill>
          <a:blip r:embed="rId14"/>
          <a:stretch>
            <a:fillRect/>
          </a:stretch>
        </p:blipFill>
        <p:spPr>
          <a:xfrm>
            <a:off x="6508353" y="2367090"/>
            <a:ext cx="499617" cy="499617"/>
          </a:xfrm>
          <a:prstGeom prst="rect">
            <a:avLst/>
          </a:prstGeom>
        </p:spPr>
      </p:pic>
      <p:pic>
        <p:nvPicPr>
          <p:cNvPr id="42" name="Billede 41">
            <a:extLst>
              <a:ext uri="{FF2B5EF4-FFF2-40B4-BE49-F238E27FC236}">
                <a16:creationId xmlns:a16="http://schemas.microsoft.com/office/drawing/2014/main" id="{287BE523-3701-4EA2-B84B-E432A5CA3311}"/>
              </a:ext>
            </a:extLst>
          </p:cNvPr>
          <p:cNvPicPr>
            <a:picLocks noChangeAspect="1"/>
          </p:cNvPicPr>
          <p:nvPr/>
        </p:nvPicPr>
        <p:blipFill>
          <a:blip r:embed="rId15"/>
          <a:stretch>
            <a:fillRect/>
          </a:stretch>
        </p:blipFill>
        <p:spPr>
          <a:xfrm>
            <a:off x="790258" y="5661867"/>
            <a:ext cx="503280" cy="503280"/>
          </a:xfrm>
          <a:prstGeom prst="rect">
            <a:avLst/>
          </a:prstGeom>
        </p:spPr>
      </p:pic>
      <p:pic>
        <p:nvPicPr>
          <p:cNvPr id="44" name="Billede 43">
            <a:extLst>
              <a:ext uri="{FF2B5EF4-FFF2-40B4-BE49-F238E27FC236}">
                <a16:creationId xmlns:a16="http://schemas.microsoft.com/office/drawing/2014/main" id="{07549ECC-E7F3-493E-81C6-953D94F4F9A5}"/>
              </a:ext>
            </a:extLst>
          </p:cNvPr>
          <p:cNvPicPr>
            <a:picLocks noChangeAspect="1"/>
          </p:cNvPicPr>
          <p:nvPr/>
        </p:nvPicPr>
        <p:blipFill>
          <a:blip r:embed="rId16"/>
          <a:stretch>
            <a:fillRect/>
          </a:stretch>
        </p:blipFill>
        <p:spPr>
          <a:xfrm>
            <a:off x="6592359" y="5650466"/>
            <a:ext cx="445771" cy="445771"/>
          </a:xfrm>
          <a:prstGeom prst="rect">
            <a:avLst/>
          </a:prstGeom>
        </p:spPr>
      </p:pic>
      <p:sp>
        <p:nvSpPr>
          <p:cNvPr id="45" name="TemplafyLockedShape" descr="TemplafyLockedShape"/>
          <p:cNvSpPr>
            <a:spLocks noGrp="1" noSelect="1" noRot="1" noChangeAspect="1" noMove="1" noResize="1" noEditPoints="1" noAdjustHandles="1" noChangeArrowheads="1" noChangeShapeType="1" noTextEdit="1"/>
          </p:cNvSpPr>
          <p:nvPr/>
        </p:nvSpPr>
        <p:spPr>
          <a:xfrm>
            <a:off x="0" y="0"/>
            <a:ext cx="12188825" cy="6858000"/>
          </a:xfrm>
          <a:prstGeom prst="rect">
            <a:avLst/>
          </a:prstGeom>
          <a:solidFill>
            <a:schemeClr val="bg1">
              <a:shade val="50000"/>
              <a:alpha val="0"/>
            </a:schemeClr>
          </a:solidFill>
          <a:ln>
            <a:noFill/>
          </a:ln>
        </p:spPr>
        <p:style>
          <a:lnRef idx="2">
            <a:schemeClr val="bg1">
              <a:shade val="50000"/>
              <a:alpha val="0"/>
            </a:schemeClr>
          </a:lnRef>
          <a:fillRef idx="1">
            <a:schemeClr val="bg1">
              <a:shade val="50000"/>
              <a:alpha val="0"/>
            </a:schemeClr>
          </a:fillRef>
          <a:effectRef idx="0">
            <a:schemeClr val="bg1">
              <a:shade val="50000"/>
              <a:alpha val="0"/>
            </a:schemeClr>
          </a:effectRef>
          <a:fontRef idx="minor">
            <a:schemeClr val="bg1">
              <a:shade val="50000"/>
              <a:alpha val="0"/>
            </a:schemeClr>
          </a:fontRef>
        </p:style>
      </p:sp>
    </p:spTree>
    <p:custDataLst>
      <p:custData r:id="rId1"/>
      <p:custData r:id="rId2"/>
    </p:custDataLst>
    <p:extLst>
      <p:ext uri="{BB962C8B-B14F-4D97-AF65-F5344CB8AC3E}">
        <p14:creationId xmlns:p14="http://schemas.microsoft.com/office/powerpoint/2010/main" val="177727144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7" name="Rectangle 96">
            <a:extLst>
              <a:ext uri="{FF2B5EF4-FFF2-40B4-BE49-F238E27FC236}">
                <a16:creationId xmlns:a16="http://schemas.microsoft.com/office/drawing/2014/main" id="{C7A37F7B-56D4-4D29-8373-7A1A404BEBE4}"/>
              </a:ext>
            </a:extLst>
          </p:cNvPr>
          <p:cNvSpPr/>
          <p:nvPr/>
        </p:nvSpPr>
        <p:spPr>
          <a:xfrm>
            <a:off x="-1" y="0"/>
            <a:ext cx="12188826" cy="685248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67527" rtl="0" eaLnBrk="1" fontAlgn="auto" latinLnBrk="0" hangingPunct="1">
              <a:lnSpc>
                <a:spcPct val="100000"/>
              </a:lnSpc>
              <a:spcBef>
                <a:spcPts val="0"/>
              </a:spcBef>
              <a:spcAft>
                <a:spcPts val="0"/>
              </a:spcAft>
              <a:buClrTx/>
              <a:buSzTx/>
              <a:buFontTx/>
              <a:buNone/>
              <a:tabLst/>
              <a:defRPr/>
            </a:pPr>
            <a:endParaRPr kumimoji="0" lang="da-DK" sz="2015" b="0" i="0" u="none" strike="noStrike" kern="1200" cap="none" spc="0" normalizeH="0" baseline="0" noProof="0" dirty="0" err="1">
              <a:ln>
                <a:noFill/>
              </a:ln>
              <a:solidFill>
                <a:srgbClr val="FFFFFF"/>
              </a:solidFill>
              <a:effectLst/>
              <a:uLnTx/>
              <a:uFillTx/>
              <a:latin typeface="Open Sans"/>
              <a:ea typeface="+mn-ea"/>
              <a:cs typeface="+mn-cs"/>
            </a:endParaRPr>
          </a:p>
        </p:txBody>
      </p:sp>
      <p:pic>
        <p:nvPicPr>
          <p:cNvPr id="98" name="Picture 10">
            <a:extLst>
              <a:ext uri="{FF2B5EF4-FFF2-40B4-BE49-F238E27FC236}">
                <a16:creationId xmlns:a16="http://schemas.microsoft.com/office/drawing/2014/main" id="{CCEA89E4-C250-490A-9E7D-67A85005EBAA}"/>
              </a:ext>
            </a:extLst>
          </p:cNvPr>
          <p:cNvPicPr>
            <a:picLocks noChangeAspect="1"/>
          </p:cNvPicPr>
          <p:nvPr/>
        </p:nvPicPr>
        <p:blipFill>
          <a:blip r:embed="rId6"/>
          <a:stretch>
            <a:fillRect/>
          </a:stretch>
        </p:blipFill>
        <p:spPr>
          <a:xfrm>
            <a:off x="30470" y="69507"/>
            <a:ext cx="1813011" cy="1032197"/>
          </a:xfrm>
          <a:prstGeom prst="rect">
            <a:avLst/>
          </a:prstGeom>
        </p:spPr>
      </p:pic>
      <p:sp>
        <p:nvSpPr>
          <p:cNvPr id="50" name="Rectangle 49">
            <a:extLst>
              <a:ext uri="{FF2B5EF4-FFF2-40B4-BE49-F238E27FC236}">
                <a16:creationId xmlns:a16="http://schemas.microsoft.com/office/drawing/2014/main" id="{43E6B754-7F0F-4EE8-81A1-21182AA343B5}"/>
              </a:ext>
            </a:extLst>
          </p:cNvPr>
          <p:cNvSpPr/>
          <p:nvPr/>
        </p:nvSpPr>
        <p:spPr>
          <a:xfrm>
            <a:off x="4582296" y="611181"/>
            <a:ext cx="3024224" cy="342834"/>
          </a:xfrm>
          <a:prstGeom prst="rect">
            <a:avLst/>
          </a:prstGeom>
          <a:solidFill>
            <a:schemeClr val="bg1">
              <a:lumMod val="6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wrap="none" tIns="0" bIns="198060" rtlCol="0" anchor="ctr" anchorCtr="0"/>
          <a:lstStyle/>
          <a:p>
            <a:pPr marL="0" marR="0" lvl="0" indent="0" algn="ctr" defTabSz="967527" rtl="0" eaLnBrk="1" fontAlgn="auto" latinLnBrk="0" hangingPunct="1">
              <a:lnSpc>
                <a:spcPct val="200000"/>
              </a:lnSpc>
              <a:spcBef>
                <a:spcPts val="0"/>
              </a:spcBef>
              <a:spcAft>
                <a:spcPts val="0"/>
              </a:spcAft>
              <a:buClrTx/>
              <a:buSzTx/>
              <a:buFontTx/>
              <a:buNone/>
              <a:tabLst/>
              <a:defRPr/>
            </a:pPr>
            <a:r>
              <a:rPr kumimoji="0" lang="da-DK" sz="1481" b="0" i="0" u="none" strike="noStrike" kern="1200" cap="none" spc="0" normalizeH="0" baseline="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Repræsentantskab</a:t>
            </a:r>
          </a:p>
        </p:txBody>
      </p:sp>
      <p:sp>
        <p:nvSpPr>
          <p:cNvPr id="51" name="Rectangle 50">
            <a:extLst>
              <a:ext uri="{FF2B5EF4-FFF2-40B4-BE49-F238E27FC236}">
                <a16:creationId xmlns:a16="http://schemas.microsoft.com/office/drawing/2014/main" id="{559F0EBE-1A88-475B-8D74-4CFABAC452F4}"/>
              </a:ext>
            </a:extLst>
          </p:cNvPr>
          <p:cNvSpPr/>
          <p:nvPr/>
        </p:nvSpPr>
        <p:spPr>
          <a:xfrm>
            <a:off x="4582300" y="1012472"/>
            <a:ext cx="3024224" cy="342834"/>
          </a:xfrm>
          <a:prstGeom prst="rect">
            <a:avLst/>
          </a:prstGeom>
          <a:solidFill>
            <a:schemeClr val="bg1">
              <a:lumMod val="6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wrap="none" tIns="0" bIns="198060" rtlCol="0" anchor="ctr" anchorCtr="0"/>
          <a:lstStyle/>
          <a:p>
            <a:pPr marL="0" marR="0" lvl="0" indent="0" algn="ctr" defTabSz="967527" rtl="0" eaLnBrk="1" fontAlgn="auto" latinLnBrk="0" hangingPunct="1">
              <a:lnSpc>
                <a:spcPct val="200000"/>
              </a:lnSpc>
              <a:spcBef>
                <a:spcPts val="0"/>
              </a:spcBef>
              <a:spcAft>
                <a:spcPts val="0"/>
              </a:spcAft>
              <a:buClrTx/>
              <a:buSzTx/>
              <a:buFontTx/>
              <a:buNone/>
              <a:tabLst/>
              <a:defRPr/>
            </a:pPr>
            <a:r>
              <a:rPr kumimoji="0" lang="da-DK" sz="1481" b="0" i="0" u="none" strike="noStrike" kern="1200" cap="none" spc="0" normalizeH="0" baseline="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Bestyrelse</a:t>
            </a:r>
          </a:p>
        </p:txBody>
      </p:sp>
      <p:sp>
        <p:nvSpPr>
          <p:cNvPr id="55" name="Rectangle 54">
            <a:extLst>
              <a:ext uri="{FF2B5EF4-FFF2-40B4-BE49-F238E27FC236}">
                <a16:creationId xmlns:a16="http://schemas.microsoft.com/office/drawing/2014/main" id="{4CD98476-A5DA-4C24-ABC2-9F75BD7BBCF8}"/>
              </a:ext>
            </a:extLst>
          </p:cNvPr>
          <p:cNvSpPr/>
          <p:nvPr/>
        </p:nvSpPr>
        <p:spPr>
          <a:xfrm>
            <a:off x="375645" y="1413463"/>
            <a:ext cx="11352258" cy="668187"/>
          </a:xfrm>
          <a:prstGeom prst="rect">
            <a:avLst/>
          </a:prstGeom>
          <a:solidFill>
            <a:srgbClr val="ED1A3B"/>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wrap="none" tIns="0" bIns="198060" rtlCol="0" anchor="t" anchorCtr="0"/>
          <a:lstStyle/>
          <a:p>
            <a:pPr marL="0" marR="0" lvl="0" indent="0" algn="ctr" defTabSz="967527" rtl="0" eaLnBrk="1" fontAlgn="auto" latinLnBrk="0" hangingPunct="1">
              <a:lnSpc>
                <a:spcPct val="150000"/>
              </a:lnSpc>
              <a:spcBef>
                <a:spcPts val="0"/>
              </a:spcBef>
              <a:spcAft>
                <a:spcPts val="0"/>
              </a:spcAft>
              <a:buClrTx/>
              <a:buSzTx/>
              <a:buFontTx/>
              <a:buNone/>
              <a:tabLst/>
              <a:defRPr/>
            </a:pPr>
            <a:r>
              <a:rPr kumimoji="0" lang="da-DK" sz="1481" b="0" i="0" u="none" strike="noStrike" kern="1200" cap="none" spc="0" normalizeH="0" baseline="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Teknologisk Institut</a:t>
            </a:r>
          </a:p>
          <a:p>
            <a:pPr marL="0" marR="0" lvl="0" indent="0" algn="ctr" defTabSz="967527" rtl="0" eaLnBrk="1" fontAlgn="auto" latinLnBrk="0" hangingPunct="1">
              <a:lnSpc>
                <a:spcPct val="150000"/>
              </a:lnSpc>
              <a:spcBef>
                <a:spcPts val="0"/>
              </a:spcBef>
              <a:spcAft>
                <a:spcPts val="0"/>
              </a:spcAft>
              <a:buClrTx/>
              <a:buSzTx/>
              <a:buFontTx/>
              <a:buNone/>
              <a:tabLst/>
              <a:defRPr/>
            </a:pPr>
            <a:r>
              <a:rPr kumimoji="0" lang="da-DK" sz="1058" b="0" i="0" u="none" strike="noStrike" kern="1200" cap="none" spc="0" normalizeH="0" baseline="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Adm. direktør Juan Farré</a:t>
            </a:r>
          </a:p>
          <a:p>
            <a:pPr marL="0" marR="0" lvl="0" indent="0" algn="ctr" defTabSz="967527" rtl="0" eaLnBrk="1" fontAlgn="auto" latinLnBrk="0" hangingPunct="1">
              <a:lnSpc>
                <a:spcPct val="150000"/>
              </a:lnSpc>
              <a:spcBef>
                <a:spcPts val="0"/>
              </a:spcBef>
              <a:spcAft>
                <a:spcPts val="0"/>
              </a:spcAft>
              <a:buClrTx/>
              <a:buSzTx/>
              <a:buFontTx/>
              <a:buNone/>
              <a:tabLst/>
              <a:defRPr/>
            </a:pPr>
            <a:endParaRPr kumimoji="0" lang="da-DK" sz="1481" b="0" i="0" u="none" strike="noStrike" kern="1200" cap="none" spc="0" normalizeH="0" baseline="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56" name="Rectangle 55">
            <a:extLst>
              <a:ext uri="{FF2B5EF4-FFF2-40B4-BE49-F238E27FC236}">
                <a16:creationId xmlns:a16="http://schemas.microsoft.com/office/drawing/2014/main" id="{F6DC0E4B-AE8B-4C4F-BD14-580426C02F22}"/>
              </a:ext>
            </a:extLst>
          </p:cNvPr>
          <p:cNvSpPr/>
          <p:nvPr/>
        </p:nvSpPr>
        <p:spPr>
          <a:xfrm>
            <a:off x="375646" y="2567954"/>
            <a:ext cx="1333096" cy="482352"/>
          </a:xfrm>
          <a:prstGeom prst="rect">
            <a:avLst/>
          </a:prstGeom>
          <a:solidFill>
            <a:schemeClr val="bg1">
              <a:lumMod val="6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wrap="square" lIns="76177" tIns="76177" rIns="76177" bIns="49515" rtlCol="0" anchor="t" anchorCtr="0"/>
          <a:lstStyle/>
          <a:p>
            <a:pPr marL="0" marR="0" lvl="0" indent="0" algn="ctr" defTabSz="967527" rtl="0" eaLnBrk="1" fontAlgn="auto" latinLnBrk="0" hangingPunct="1">
              <a:lnSpc>
                <a:spcPct val="100000"/>
              </a:lnSpc>
              <a:spcBef>
                <a:spcPts val="0"/>
              </a:spcBef>
              <a:spcAft>
                <a:spcPts val="0"/>
              </a:spcAft>
              <a:buClrTx/>
              <a:buSzTx/>
              <a:buFontTx/>
              <a:buNone/>
              <a:tabLst/>
              <a:defRPr/>
            </a:pPr>
            <a:r>
              <a:rPr kumimoji="0" lang="da-DK" sz="1058" b="1" i="0" u="none" strike="noStrike" kern="1200" cap="none" spc="0" normalizeH="0" baseline="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AgroTech</a:t>
            </a:r>
          </a:p>
        </p:txBody>
      </p:sp>
      <p:sp>
        <p:nvSpPr>
          <p:cNvPr id="58" name="Rectangle 57">
            <a:extLst>
              <a:ext uri="{FF2B5EF4-FFF2-40B4-BE49-F238E27FC236}">
                <a16:creationId xmlns:a16="http://schemas.microsoft.com/office/drawing/2014/main" id="{52267844-38C2-4303-8187-37E8F001BD11}"/>
              </a:ext>
            </a:extLst>
          </p:cNvPr>
          <p:cNvSpPr/>
          <p:nvPr/>
        </p:nvSpPr>
        <p:spPr>
          <a:xfrm>
            <a:off x="375646" y="3105841"/>
            <a:ext cx="1333096" cy="39997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38088" tIns="76177" rIns="0" bIns="0" rtlCol="0" anchor="b" anchorCtr="0"/>
          <a:lstStyle/>
          <a:p>
            <a:pPr marL="0" marR="0" lvl="0" indent="0" algn="l" defTabSz="967527" rtl="0" eaLnBrk="1" fontAlgn="auto" latinLnBrk="0" hangingPunct="1">
              <a:lnSpc>
                <a:spcPct val="100000"/>
              </a:lnSpc>
              <a:spcBef>
                <a:spcPts val="0"/>
              </a:spcBef>
              <a:spcAft>
                <a:spcPts val="0"/>
              </a:spcAft>
              <a:buClrTx/>
              <a:buSzTx/>
              <a:buFontTx/>
              <a:buNone/>
              <a:tabLst/>
              <a:defRPr/>
            </a:pPr>
            <a:r>
              <a:rPr kumimoji="0" lang="da-DK" sz="1058"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Direktør</a:t>
            </a:r>
          </a:p>
          <a:p>
            <a:pPr marL="0" marR="0" lvl="0" indent="0" algn="l" defTabSz="967527" rtl="0" eaLnBrk="1" fontAlgn="auto" latinLnBrk="0" hangingPunct="1">
              <a:lnSpc>
                <a:spcPct val="100000"/>
              </a:lnSpc>
              <a:spcBef>
                <a:spcPts val="0"/>
              </a:spcBef>
              <a:spcAft>
                <a:spcPts val="0"/>
              </a:spcAft>
              <a:buClrTx/>
              <a:buSzTx/>
              <a:buFontTx/>
              <a:buNone/>
              <a:tabLst/>
              <a:defRPr/>
            </a:pPr>
            <a:r>
              <a:rPr kumimoji="0" lang="da-DK" sz="1058"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Bodil H. Lorenzen</a:t>
            </a:r>
          </a:p>
        </p:txBody>
      </p:sp>
      <p:sp>
        <p:nvSpPr>
          <p:cNvPr id="59" name="Rectangle 58">
            <a:extLst>
              <a:ext uri="{FF2B5EF4-FFF2-40B4-BE49-F238E27FC236}">
                <a16:creationId xmlns:a16="http://schemas.microsoft.com/office/drawing/2014/main" id="{815CFF7D-D850-4386-8F2F-3D80E2BAB3E4}"/>
              </a:ext>
            </a:extLst>
          </p:cNvPr>
          <p:cNvSpPr/>
          <p:nvPr/>
        </p:nvSpPr>
        <p:spPr>
          <a:xfrm>
            <a:off x="375646" y="3538683"/>
            <a:ext cx="1333096" cy="36278"/>
          </a:xfrm>
          <a:prstGeom prst="rect">
            <a:avLst/>
          </a:prstGeom>
          <a:solidFill>
            <a:schemeClr val="bg2">
              <a:lumMod val="60000"/>
              <a:lumOff val="4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wrap="square" lIns="76177" tIns="76177" rIns="76177" bIns="0" rtlCol="0" anchor="b" anchorCtr="0"/>
          <a:lstStyle/>
          <a:p>
            <a:pPr marL="0" marR="0" lvl="0" indent="0" algn="l" defTabSz="967527" rtl="0" eaLnBrk="1" fontAlgn="auto" latinLnBrk="0" hangingPunct="1">
              <a:lnSpc>
                <a:spcPct val="100000"/>
              </a:lnSpc>
              <a:spcBef>
                <a:spcPts val="0"/>
              </a:spcBef>
              <a:spcAft>
                <a:spcPts val="0"/>
              </a:spcAft>
              <a:buClrTx/>
              <a:buSzTx/>
              <a:buFontTx/>
              <a:buNone/>
              <a:tabLst/>
              <a:defRPr/>
            </a:pPr>
            <a:endParaRPr kumimoji="0" lang="da-DK" sz="1058" b="0" i="0" u="none" strike="noStrike" kern="1200" cap="none" spc="0" normalizeH="0" baseline="3000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60" name="Rectangle 59">
            <a:extLst>
              <a:ext uri="{FF2B5EF4-FFF2-40B4-BE49-F238E27FC236}">
                <a16:creationId xmlns:a16="http://schemas.microsoft.com/office/drawing/2014/main" id="{0E173B03-5B1E-4C55-841B-14FAF77D6F94}"/>
              </a:ext>
            </a:extLst>
          </p:cNvPr>
          <p:cNvSpPr/>
          <p:nvPr/>
        </p:nvSpPr>
        <p:spPr>
          <a:xfrm>
            <a:off x="375646" y="3643891"/>
            <a:ext cx="1333096" cy="231429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38088" tIns="76177" rIns="76177" bIns="0" rtlCol="0" anchor="t" anchorCtr="0"/>
          <a:lstStyle/>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Bioressourcer </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Fødevareteknologi</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Markteknologi</a:t>
            </a:r>
          </a:p>
          <a:p>
            <a:pPr marL="0" marR="0" lvl="0" indent="0" algn="l" defTabSz="967527" rtl="0" eaLnBrk="1" fontAlgn="auto" latinLnBrk="0" hangingPunct="1">
              <a:lnSpc>
                <a:spcPct val="100000"/>
              </a:lnSpc>
              <a:spcBef>
                <a:spcPts val="0"/>
              </a:spcBef>
              <a:spcAft>
                <a:spcPts val="846"/>
              </a:spcAft>
              <a:buClrTx/>
              <a:buSzTx/>
              <a:buFontTx/>
              <a:buNone/>
              <a:tabLst/>
              <a:defRPr/>
            </a:pPr>
            <a:endPar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61" name="Rectangle 60">
            <a:extLst>
              <a:ext uri="{FF2B5EF4-FFF2-40B4-BE49-F238E27FC236}">
                <a16:creationId xmlns:a16="http://schemas.microsoft.com/office/drawing/2014/main" id="{D7AD5199-CFBB-4E0B-8F24-A36F83FD8339}"/>
              </a:ext>
            </a:extLst>
          </p:cNvPr>
          <p:cNvSpPr/>
          <p:nvPr/>
        </p:nvSpPr>
        <p:spPr>
          <a:xfrm>
            <a:off x="1806187" y="2567954"/>
            <a:ext cx="1333096" cy="482352"/>
          </a:xfrm>
          <a:prstGeom prst="rect">
            <a:avLst/>
          </a:prstGeom>
          <a:solidFill>
            <a:schemeClr val="bg1">
              <a:lumMod val="6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vert="horz" wrap="square" lIns="76177" tIns="76177" rIns="76177" bIns="49515" rtlCol="0" anchor="t" anchorCtr="0"/>
          <a:lstStyle/>
          <a:p>
            <a:pPr marL="0" marR="0" lvl="0" indent="0" algn="ctr" defTabSz="967527" rtl="0" eaLnBrk="1" fontAlgn="auto" latinLnBrk="0" hangingPunct="1">
              <a:lnSpc>
                <a:spcPct val="100000"/>
              </a:lnSpc>
              <a:spcBef>
                <a:spcPts val="0"/>
              </a:spcBef>
              <a:spcAft>
                <a:spcPts val="0"/>
              </a:spcAft>
              <a:buClrTx/>
              <a:buSzTx/>
              <a:buFontTx/>
              <a:buNone/>
              <a:tabLst/>
              <a:defRPr/>
            </a:pPr>
            <a:r>
              <a:rPr kumimoji="0" lang="da-DK" sz="1058" b="1" i="0" u="none" strike="noStrike" kern="1200" cap="none" spc="0" normalizeH="0" baseline="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Byggeri og Anlæg</a:t>
            </a:r>
          </a:p>
          <a:p>
            <a:pPr marL="0" marR="0" lvl="0" indent="0" algn="ctr" defTabSz="967527" rtl="0" eaLnBrk="1" fontAlgn="auto" latinLnBrk="0" hangingPunct="1">
              <a:lnSpc>
                <a:spcPct val="100000"/>
              </a:lnSpc>
              <a:spcBef>
                <a:spcPts val="0"/>
              </a:spcBef>
              <a:spcAft>
                <a:spcPts val="0"/>
              </a:spcAft>
              <a:buClrTx/>
              <a:buSzTx/>
              <a:buFontTx/>
              <a:buNone/>
              <a:tabLst/>
              <a:defRPr/>
            </a:pPr>
            <a:endParaRPr kumimoji="0" lang="da-DK" sz="1058" b="1" i="0" u="none" strike="noStrike" kern="1200" cap="none" spc="0" normalizeH="0" baseline="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62" name="Rectangle 61">
            <a:extLst>
              <a:ext uri="{FF2B5EF4-FFF2-40B4-BE49-F238E27FC236}">
                <a16:creationId xmlns:a16="http://schemas.microsoft.com/office/drawing/2014/main" id="{36830E06-CE50-46ED-848C-FB2E6E58553E}"/>
              </a:ext>
            </a:extLst>
          </p:cNvPr>
          <p:cNvSpPr/>
          <p:nvPr/>
        </p:nvSpPr>
        <p:spPr>
          <a:xfrm>
            <a:off x="1806187" y="3105841"/>
            <a:ext cx="1333096" cy="39997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38088" tIns="76177" rIns="0" bIns="0" rtlCol="0" anchor="b" anchorCtr="0"/>
          <a:lstStyle/>
          <a:p>
            <a:pPr marL="0" marR="0" lvl="0" indent="0" algn="l" defTabSz="967527" rtl="0" eaLnBrk="1" fontAlgn="auto" latinLnBrk="0" hangingPunct="1">
              <a:lnSpc>
                <a:spcPct val="100000"/>
              </a:lnSpc>
              <a:spcBef>
                <a:spcPts val="0"/>
              </a:spcBef>
              <a:spcAft>
                <a:spcPts val="0"/>
              </a:spcAft>
              <a:buClrTx/>
              <a:buSzTx/>
              <a:buFontTx/>
              <a:buNone/>
              <a:tabLst/>
              <a:defRPr/>
            </a:pPr>
            <a:r>
              <a:rPr kumimoji="0" lang="da-DK" sz="1058"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Direktør</a:t>
            </a:r>
          </a:p>
          <a:p>
            <a:pPr marL="0" marR="0" lvl="0" indent="0" algn="l" defTabSz="967527" rtl="0" eaLnBrk="1" fontAlgn="auto" latinLnBrk="0" hangingPunct="1">
              <a:lnSpc>
                <a:spcPct val="100000"/>
              </a:lnSpc>
              <a:spcBef>
                <a:spcPts val="0"/>
              </a:spcBef>
              <a:spcAft>
                <a:spcPts val="0"/>
              </a:spcAft>
              <a:buClrTx/>
              <a:buSzTx/>
              <a:buFontTx/>
              <a:buNone/>
              <a:tabLst/>
              <a:defRPr/>
            </a:pPr>
            <a:r>
              <a:rPr kumimoji="0" lang="da-DK" sz="1058"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Mette Glavind</a:t>
            </a:r>
          </a:p>
        </p:txBody>
      </p:sp>
      <p:sp>
        <p:nvSpPr>
          <p:cNvPr id="63" name="Rectangle 62">
            <a:extLst>
              <a:ext uri="{FF2B5EF4-FFF2-40B4-BE49-F238E27FC236}">
                <a16:creationId xmlns:a16="http://schemas.microsoft.com/office/drawing/2014/main" id="{D82B965D-1244-413A-9119-57D0405E7CFA}"/>
              </a:ext>
            </a:extLst>
          </p:cNvPr>
          <p:cNvSpPr/>
          <p:nvPr/>
        </p:nvSpPr>
        <p:spPr>
          <a:xfrm>
            <a:off x="1806187" y="3538683"/>
            <a:ext cx="1333096" cy="36278"/>
          </a:xfrm>
          <a:prstGeom prst="rect">
            <a:avLst/>
          </a:prstGeom>
          <a:solidFill>
            <a:schemeClr val="bg2">
              <a:lumMod val="60000"/>
              <a:lumOff val="4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wrap="square" lIns="76177" tIns="76177" rIns="76177" bIns="0" rtlCol="0" anchor="b" anchorCtr="0"/>
          <a:lstStyle/>
          <a:p>
            <a:pPr marL="0" marR="0" lvl="0" indent="0" algn="l" defTabSz="967527" rtl="0" eaLnBrk="1" fontAlgn="auto" latinLnBrk="0" hangingPunct="1">
              <a:lnSpc>
                <a:spcPct val="100000"/>
              </a:lnSpc>
              <a:spcBef>
                <a:spcPts val="0"/>
              </a:spcBef>
              <a:spcAft>
                <a:spcPts val="0"/>
              </a:spcAft>
              <a:buClrTx/>
              <a:buSzTx/>
              <a:buFontTx/>
              <a:buNone/>
              <a:tabLst/>
              <a:defRPr/>
            </a:pPr>
            <a:endParaRPr kumimoji="0" lang="da-DK" sz="1058" b="0" i="0" u="none" strike="noStrike" kern="1200" cap="none" spc="0" normalizeH="0" baseline="3000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64" name="Rectangle 63">
            <a:extLst>
              <a:ext uri="{FF2B5EF4-FFF2-40B4-BE49-F238E27FC236}">
                <a16:creationId xmlns:a16="http://schemas.microsoft.com/office/drawing/2014/main" id="{219B3E6A-05E7-4C87-AC4D-52F5CDE07958}"/>
              </a:ext>
            </a:extLst>
          </p:cNvPr>
          <p:cNvSpPr/>
          <p:nvPr/>
        </p:nvSpPr>
        <p:spPr>
          <a:xfrm>
            <a:off x="1806187" y="3643890"/>
            <a:ext cx="1333096" cy="231429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38088" tIns="76177" rIns="76177" bIns="0" rtlCol="0" anchor="t" anchorCtr="0"/>
          <a:lstStyle/>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Beton</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Bygninger og Miljø</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Murværk</a:t>
            </a:r>
          </a:p>
          <a:p>
            <a:pPr>
              <a:spcAft>
                <a:spcPts val="846"/>
              </a:spcAft>
              <a:defRPr/>
            </a:pPr>
            <a:r>
              <a:rPr lang="da-DK" sz="1000" noProof="1">
                <a:solidFill>
                  <a:prstClr val="black"/>
                </a:solidFill>
                <a:latin typeface="Open Sans Light" panose="020B0306030504020204" pitchFamily="34" charset="0"/>
                <a:ea typeface="Open Sans Light" panose="020B0306030504020204" pitchFamily="34" charset="0"/>
                <a:cs typeface="Open Sans Light" panose="020B0306030504020204" pitchFamily="34" charset="0"/>
              </a:rPr>
              <a:t>Rørcentret </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Træ og Biomaterialer</a:t>
            </a:r>
          </a:p>
        </p:txBody>
      </p:sp>
      <p:sp>
        <p:nvSpPr>
          <p:cNvPr id="65" name="Rectangle 64">
            <a:extLst>
              <a:ext uri="{FF2B5EF4-FFF2-40B4-BE49-F238E27FC236}">
                <a16:creationId xmlns:a16="http://schemas.microsoft.com/office/drawing/2014/main" id="{8EB3961D-EBA0-4A6A-A48D-D7FBC0989E5F}"/>
              </a:ext>
            </a:extLst>
          </p:cNvPr>
          <p:cNvSpPr/>
          <p:nvPr/>
        </p:nvSpPr>
        <p:spPr>
          <a:xfrm>
            <a:off x="3236729" y="2567954"/>
            <a:ext cx="1333096" cy="482352"/>
          </a:xfrm>
          <a:prstGeom prst="rect">
            <a:avLst/>
          </a:prstGeom>
          <a:solidFill>
            <a:schemeClr val="bg1">
              <a:lumMod val="6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wrap="square" lIns="76177" tIns="76177" rIns="76177" bIns="49515" rtlCol="0" anchor="t" anchorCtr="0"/>
          <a:lstStyle/>
          <a:p>
            <a:pPr marL="0" marR="0" lvl="0" indent="0" algn="ctr" defTabSz="967527" rtl="0" eaLnBrk="1" fontAlgn="auto" latinLnBrk="0" hangingPunct="1">
              <a:lnSpc>
                <a:spcPct val="100000"/>
              </a:lnSpc>
              <a:spcBef>
                <a:spcPts val="0"/>
              </a:spcBef>
              <a:spcAft>
                <a:spcPts val="0"/>
              </a:spcAft>
              <a:buClrTx/>
              <a:buSzTx/>
              <a:buFontTx/>
              <a:buNone/>
              <a:tabLst/>
              <a:defRPr/>
            </a:pPr>
            <a:r>
              <a:rPr kumimoji="0" lang="da-DK" sz="1058" b="1" i="0" u="none" strike="noStrike" kern="1200" cap="none" spc="0" normalizeH="0" baseline="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DMRI</a:t>
            </a:r>
          </a:p>
        </p:txBody>
      </p:sp>
      <p:sp>
        <p:nvSpPr>
          <p:cNvPr id="66" name="Rectangle 65">
            <a:extLst>
              <a:ext uri="{FF2B5EF4-FFF2-40B4-BE49-F238E27FC236}">
                <a16:creationId xmlns:a16="http://schemas.microsoft.com/office/drawing/2014/main" id="{0EBDD3CF-58CF-487D-93C1-C16D6E8856FA}"/>
              </a:ext>
            </a:extLst>
          </p:cNvPr>
          <p:cNvSpPr/>
          <p:nvPr/>
        </p:nvSpPr>
        <p:spPr>
          <a:xfrm>
            <a:off x="3236729" y="3105841"/>
            <a:ext cx="1333096" cy="39997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38088" tIns="76177" rIns="76177" bIns="0" rtlCol="0" anchor="b" anchorCtr="0"/>
          <a:lstStyle/>
          <a:p>
            <a:pPr marL="0" marR="0" lvl="0" indent="0" algn="l" defTabSz="967527" rtl="0" eaLnBrk="1" fontAlgn="auto" latinLnBrk="0" hangingPunct="1">
              <a:lnSpc>
                <a:spcPct val="100000"/>
              </a:lnSpc>
              <a:spcBef>
                <a:spcPts val="0"/>
              </a:spcBef>
              <a:spcAft>
                <a:spcPts val="0"/>
              </a:spcAft>
              <a:buClrTx/>
              <a:buSzTx/>
              <a:buFontTx/>
              <a:buNone/>
              <a:tabLst/>
              <a:defRPr/>
            </a:pPr>
            <a:r>
              <a:rPr kumimoji="0" lang="da-DK" sz="1058"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Direktør</a:t>
            </a:r>
          </a:p>
          <a:p>
            <a:pPr marL="0" marR="0" lvl="0" indent="0" algn="l" defTabSz="967527" rtl="0" eaLnBrk="1" fontAlgn="auto" latinLnBrk="0" hangingPunct="1">
              <a:lnSpc>
                <a:spcPct val="100000"/>
              </a:lnSpc>
              <a:spcBef>
                <a:spcPts val="0"/>
              </a:spcBef>
              <a:spcAft>
                <a:spcPts val="0"/>
              </a:spcAft>
              <a:buClrTx/>
              <a:buSzTx/>
              <a:buFontTx/>
              <a:buNone/>
              <a:tabLst/>
              <a:defRPr/>
            </a:pPr>
            <a:r>
              <a:rPr kumimoji="0" lang="da-DK" sz="1058"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Lars Hinrichsen</a:t>
            </a:r>
          </a:p>
        </p:txBody>
      </p:sp>
      <p:sp>
        <p:nvSpPr>
          <p:cNvPr id="69" name="Rectangle 68">
            <a:extLst>
              <a:ext uri="{FF2B5EF4-FFF2-40B4-BE49-F238E27FC236}">
                <a16:creationId xmlns:a16="http://schemas.microsoft.com/office/drawing/2014/main" id="{B7D994B8-85FD-4F02-980A-0CE7EBEF8A5F}"/>
              </a:ext>
            </a:extLst>
          </p:cNvPr>
          <p:cNvSpPr/>
          <p:nvPr/>
        </p:nvSpPr>
        <p:spPr>
          <a:xfrm>
            <a:off x="3236730" y="3538683"/>
            <a:ext cx="1333096" cy="36278"/>
          </a:xfrm>
          <a:prstGeom prst="rect">
            <a:avLst/>
          </a:prstGeom>
          <a:solidFill>
            <a:schemeClr val="bg2">
              <a:lumMod val="60000"/>
              <a:lumOff val="4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wrap="square" lIns="76177" tIns="76177" rIns="76177" bIns="0" rtlCol="0" anchor="b" anchorCtr="0"/>
          <a:lstStyle/>
          <a:p>
            <a:pPr marL="0" marR="0" lvl="0" indent="0" algn="l" defTabSz="967527" rtl="0" eaLnBrk="1" fontAlgn="auto" latinLnBrk="0" hangingPunct="1">
              <a:lnSpc>
                <a:spcPct val="100000"/>
              </a:lnSpc>
              <a:spcBef>
                <a:spcPts val="0"/>
              </a:spcBef>
              <a:spcAft>
                <a:spcPts val="0"/>
              </a:spcAft>
              <a:buClrTx/>
              <a:buSzTx/>
              <a:buFontTx/>
              <a:buNone/>
              <a:tabLst/>
              <a:defRPr/>
            </a:pPr>
            <a:endParaRPr kumimoji="0" lang="da-DK" sz="1058" b="0" i="0" u="none" strike="noStrike" kern="1200" cap="none" spc="0" normalizeH="0" baseline="3000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70" name="Rectangle 69">
            <a:extLst>
              <a:ext uri="{FF2B5EF4-FFF2-40B4-BE49-F238E27FC236}">
                <a16:creationId xmlns:a16="http://schemas.microsoft.com/office/drawing/2014/main" id="{0570166D-0725-40E2-A000-689E9B065815}"/>
              </a:ext>
            </a:extLst>
          </p:cNvPr>
          <p:cNvSpPr/>
          <p:nvPr/>
        </p:nvSpPr>
        <p:spPr>
          <a:xfrm>
            <a:off x="3236729" y="3643891"/>
            <a:ext cx="1333096" cy="20662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38088" tIns="76177" rIns="76177" bIns="0" rtlCol="0" anchor="t" anchorCtr="0"/>
          <a:lstStyle/>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Automatisering</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Bæredygtighed og Digitalisering</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Forretningsudvikling</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Fødevaresikkerhed</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Kødteknologi</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Process Design and Operations</a:t>
            </a:r>
          </a:p>
        </p:txBody>
      </p:sp>
      <p:sp>
        <p:nvSpPr>
          <p:cNvPr id="71" name="Rectangle 70">
            <a:extLst>
              <a:ext uri="{FF2B5EF4-FFF2-40B4-BE49-F238E27FC236}">
                <a16:creationId xmlns:a16="http://schemas.microsoft.com/office/drawing/2014/main" id="{6605E432-FA95-4840-9C72-C19BDCE7FC3F}"/>
              </a:ext>
            </a:extLst>
          </p:cNvPr>
          <p:cNvSpPr/>
          <p:nvPr/>
        </p:nvSpPr>
        <p:spPr>
          <a:xfrm>
            <a:off x="6098043" y="2567954"/>
            <a:ext cx="1333096" cy="482352"/>
          </a:xfrm>
          <a:prstGeom prst="rect">
            <a:avLst/>
          </a:prstGeom>
          <a:solidFill>
            <a:schemeClr val="bg1">
              <a:lumMod val="6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wrap="square" lIns="76177" tIns="76177" rIns="76177" bIns="49515" rtlCol="0" anchor="t" anchorCtr="0"/>
          <a:lstStyle/>
          <a:p>
            <a:pPr marL="0" marR="0" lvl="0" indent="0" algn="ctr" defTabSz="967527" rtl="0" eaLnBrk="1" fontAlgn="auto" latinLnBrk="0" hangingPunct="1">
              <a:lnSpc>
                <a:spcPct val="100000"/>
              </a:lnSpc>
              <a:spcBef>
                <a:spcPts val="0"/>
              </a:spcBef>
              <a:spcAft>
                <a:spcPts val="0"/>
              </a:spcAft>
              <a:buClrTx/>
              <a:buSzTx/>
              <a:buFontTx/>
              <a:buNone/>
              <a:tabLst/>
              <a:defRPr/>
            </a:pPr>
            <a:r>
              <a:rPr kumimoji="0" lang="da-DK" sz="1058" b="1" i="0" u="none" strike="noStrike" kern="1200" cap="none" spc="0" normalizeH="0" baseline="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Miljøteknologi</a:t>
            </a:r>
          </a:p>
        </p:txBody>
      </p:sp>
      <p:sp>
        <p:nvSpPr>
          <p:cNvPr id="72" name="Rectangle 71">
            <a:extLst>
              <a:ext uri="{FF2B5EF4-FFF2-40B4-BE49-F238E27FC236}">
                <a16:creationId xmlns:a16="http://schemas.microsoft.com/office/drawing/2014/main" id="{E07D96CC-C53C-4FCB-B6D7-ECFED4471EEF}"/>
              </a:ext>
            </a:extLst>
          </p:cNvPr>
          <p:cNvSpPr/>
          <p:nvPr/>
        </p:nvSpPr>
        <p:spPr>
          <a:xfrm>
            <a:off x="6098043" y="3115724"/>
            <a:ext cx="1333096" cy="39008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38088" tIns="76177" rIns="76177" bIns="0" rtlCol="0" anchor="b" anchorCtr="0"/>
          <a:lstStyle/>
          <a:p>
            <a:pPr marL="0" marR="0" lvl="0" indent="0" algn="l" defTabSz="967527" rtl="0" eaLnBrk="1" fontAlgn="auto" latinLnBrk="0" hangingPunct="1">
              <a:lnSpc>
                <a:spcPct val="100000"/>
              </a:lnSpc>
              <a:spcBef>
                <a:spcPts val="0"/>
              </a:spcBef>
              <a:spcAft>
                <a:spcPts val="0"/>
              </a:spcAft>
              <a:buClrTx/>
              <a:buSzTx/>
              <a:buFontTx/>
              <a:buNone/>
              <a:tabLst/>
              <a:defRPr/>
            </a:pPr>
            <a:r>
              <a:rPr kumimoji="0" lang="da-DK" sz="1058"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Direktør</a:t>
            </a:r>
          </a:p>
          <a:p>
            <a:pPr marL="0" marR="0" lvl="0" indent="0" algn="l" defTabSz="967527" rtl="0" eaLnBrk="1" fontAlgn="auto" latinLnBrk="0" hangingPunct="1">
              <a:lnSpc>
                <a:spcPct val="100000"/>
              </a:lnSpc>
              <a:spcBef>
                <a:spcPts val="0"/>
              </a:spcBef>
              <a:spcAft>
                <a:spcPts val="0"/>
              </a:spcAft>
              <a:buClrTx/>
              <a:buSzTx/>
              <a:buFontTx/>
              <a:buNone/>
              <a:tabLst/>
              <a:defRPr/>
            </a:pPr>
            <a:r>
              <a:rPr kumimoji="0" lang="da-DK" sz="1058"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Sune D. Nygaard</a:t>
            </a:r>
          </a:p>
        </p:txBody>
      </p:sp>
      <p:sp>
        <p:nvSpPr>
          <p:cNvPr id="75" name="Rectangle 74">
            <a:extLst>
              <a:ext uri="{FF2B5EF4-FFF2-40B4-BE49-F238E27FC236}">
                <a16:creationId xmlns:a16="http://schemas.microsoft.com/office/drawing/2014/main" id="{F2AE9CF6-4BE2-4F3A-92BF-1B924FA7105F}"/>
              </a:ext>
            </a:extLst>
          </p:cNvPr>
          <p:cNvSpPr/>
          <p:nvPr/>
        </p:nvSpPr>
        <p:spPr>
          <a:xfrm>
            <a:off x="6098041" y="3538683"/>
            <a:ext cx="1333096" cy="38088"/>
          </a:xfrm>
          <a:prstGeom prst="rect">
            <a:avLst/>
          </a:prstGeom>
          <a:solidFill>
            <a:schemeClr val="bg2">
              <a:lumMod val="60000"/>
              <a:lumOff val="4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wrap="square" lIns="76177" tIns="76177" rIns="76177" bIns="0" rtlCol="0" anchor="b" anchorCtr="0"/>
          <a:lstStyle/>
          <a:p>
            <a:pPr marL="0" marR="0" lvl="0" indent="0" algn="l" defTabSz="967527" rtl="0" eaLnBrk="1" fontAlgn="auto" latinLnBrk="0" hangingPunct="1">
              <a:lnSpc>
                <a:spcPct val="100000"/>
              </a:lnSpc>
              <a:spcBef>
                <a:spcPts val="0"/>
              </a:spcBef>
              <a:spcAft>
                <a:spcPts val="0"/>
              </a:spcAft>
              <a:buClrTx/>
              <a:buSzTx/>
              <a:buFontTx/>
              <a:buNone/>
              <a:tabLst/>
              <a:defRPr/>
            </a:pPr>
            <a:endParaRPr kumimoji="0" lang="da-DK" sz="1058" b="0" i="0" u="none" strike="noStrike" kern="1200" cap="none" spc="0" normalizeH="0" baseline="3000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76" name="Rectangle 75">
            <a:extLst>
              <a:ext uri="{FF2B5EF4-FFF2-40B4-BE49-F238E27FC236}">
                <a16:creationId xmlns:a16="http://schemas.microsoft.com/office/drawing/2014/main" id="{5BC446C6-9346-4157-9056-14BBCEBC26AD}"/>
              </a:ext>
            </a:extLst>
          </p:cNvPr>
          <p:cNvSpPr/>
          <p:nvPr/>
        </p:nvSpPr>
        <p:spPr>
          <a:xfrm>
            <a:off x="6098043" y="3643890"/>
            <a:ext cx="1333096" cy="231429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38088" tIns="76177" rIns="76177" bIns="0" rtlCol="0" anchor="t" anchorCtr="0"/>
          <a:lstStyle/>
          <a:p>
            <a:pPr>
              <a:spcAft>
                <a:spcPts val="846"/>
              </a:spcAft>
            </a:pPr>
            <a:r>
              <a:rPr lang="da-DK" sz="1000" noProof="1">
                <a:solidFill>
                  <a:prstClr val="black"/>
                </a:solidFill>
                <a:latin typeface="Open Sans Light" panose="020B0306030504020204" pitchFamily="34" charset="0"/>
                <a:ea typeface="Open Sans Light" panose="020B0306030504020204" pitchFamily="34" charset="0"/>
                <a:cs typeface="Open Sans Light" panose="020B0306030504020204" pitchFamily="34" charset="0"/>
              </a:rPr>
              <a:t>Kemisk og  Mikrobiologisk Laboratorium</a:t>
            </a:r>
          </a:p>
          <a:p>
            <a:pPr>
              <a:spcAft>
                <a:spcPts val="846"/>
              </a:spcAft>
            </a:pPr>
            <a:r>
              <a:rPr lang="da-DK" sz="1000" noProof="1">
                <a:solidFill>
                  <a:prstClr val="black"/>
                </a:solidFill>
                <a:latin typeface="Open Sans Light" panose="020B0306030504020204" pitchFamily="34" charset="0"/>
                <a:ea typeface="Open Sans Light" panose="020B0306030504020204" pitchFamily="34" charset="0"/>
                <a:cs typeface="Open Sans Light" panose="020B0306030504020204" pitchFamily="34" charset="0"/>
              </a:rPr>
              <a:t>Luft og Sensorteknologi</a:t>
            </a:r>
          </a:p>
          <a:p>
            <a:pPr>
              <a:spcAft>
                <a:spcPts val="846"/>
              </a:spcAft>
            </a:pPr>
            <a:r>
              <a:rPr lang="da-DK" sz="1000" noProof="1">
                <a:solidFill>
                  <a:prstClr val="black"/>
                </a:solidFill>
                <a:latin typeface="Open Sans Light" panose="020B0306030504020204" pitchFamily="34" charset="0"/>
                <a:ea typeface="Open Sans Light" panose="020B0306030504020204" pitchFamily="34" charset="0"/>
                <a:cs typeface="Open Sans Light" panose="020B0306030504020204" pitchFamily="34" charset="0"/>
              </a:rPr>
              <a:t>Produkt og Materialekemi</a:t>
            </a:r>
          </a:p>
          <a:p>
            <a:pPr>
              <a:spcAft>
                <a:spcPts val="846"/>
              </a:spcAft>
            </a:pPr>
            <a:r>
              <a:rPr lang="da-DK" sz="1000" noProof="1">
                <a:solidFill>
                  <a:prstClr val="black"/>
                </a:solidFill>
                <a:latin typeface="Open Sans Light" panose="020B0306030504020204" pitchFamily="34" charset="0"/>
                <a:ea typeface="Open Sans Light" panose="020B0306030504020204" pitchFamily="34" charset="0"/>
                <a:cs typeface="Open Sans Light" panose="020B0306030504020204" pitchFamily="34" charset="0"/>
              </a:rPr>
              <a:t>Vand og Bioteknologi </a:t>
            </a:r>
          </a:p>
          <a:p>
            <a:pPr marL="0" marR="0" lvl="0" indent="0" algn="l" defTabSz="967527" rtl="0" eaLnBrk="1" fontAlgn="auto" latinLnBrk="0" hangingPunct="1">
              <a:lnSpc>
                <a:spcPct val="100000"/>
              </a:lnSpc>
              <a:spcBef>
                <a:spcPts val="0"/>
              </a:spcBef>
              <a:spcAft>
                <a:spcPts val="846"/>
              </a:spcAft>
              <a:buClrTx/>
              <a:buSzTx/>
              <a:buFontTx/>
              <a:buNone/>
              <a:tabLst/>
              <a:defRPr/>
            </a:pPr>
            <a:endPar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77" name="Rectangle 76">
            <a:extLst>
              <a:ext uri="{FF2B5EF4-FFF2-40B4-BE49-F238E27FC236}">
                <a16:creationId xmlns:a16="http://schemas.microsoft.com/office/drawing/2014/main" id="{0C80E12C-7A16-46AC-9F55-3896B2B8C603}"/>
              </a:ext>
            </a:extLst>
          </p:cNvPr>
          <p:cNvSpPr/>
          <p:nvPr/>
        </p:nvSpPr>
        <p:spPr>
          <a:xfrm>
            <a:off x="7533555" y="2574147"/>
            <a:ext cx="1333096" cy="482352"/>
          </a:xfrm>
          <a:prstGeom prst="rect">
            <a:avLst/>
          </a:prstGeom>
          <a:solidFill>
            <a:schemeClr val="bg1">
              <a:lumMod val="6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wrap="square" lIns="76177" tIns="76177" rIns="76177" bIns="49515" rtlCol="0" anchor="t" anchorCtr="0"/>
          <a:lstStyle/>
          <a:p>
            <a:pPr marL="0" marR="0" lvl="0" indent="0" algn="ctr" defTabSz="967527" rtl="0" eaLnBrk="1" fontAlgn="auto" latinLnBrk="0" hangingPunct="1">
              <a:lnSpc>
                <a:spcPct val="100000"/>
              </a:lnSpc>
              <a:spcBef>
                <a:spcPts val="0"/>
              </a:spcBef>
              <a:spcAft>
                <a:spcPts val="0"/>
              </a:spcAft>
              <a:buClrTx/>
              <a:buSzTx/>
              <a:buFontTx/>
              <a:buNone/>
              <a:tabLst/>
              <a:defRPr/>
            </a:pPr>
            <a:r>
              <a:rPr kumimoji="0" lang="da-DK" sz="1058" b="1" i="0" u="none" strike="noStrike" kern="1200" cap="none" spc="0" normalizeH="0" baseline="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Materialer</a:t>
            </a:r>
          </a:p>
        </p:txBody>
      </p:sp>
      <p:sp>
        <p:nvSpPr>
          <p:cNvPr id="78" name="Rectangle 77">
            <a:extLst>
              <a:ext uri="{FF2B5EF4-FFF2-40B4-BE49-F238E27FC236}">
                <a16:creationId xmlns:a16="http://schemas.microsoft.com/office/drawing/2014/main" id="{F4B710A0-B1DF-48BA-9354-9272D6B1EBE4}"/>
              </a:ext>
            </a:extLst>
          </p:cNvPr>
          <p:cNvSpPr/>
          <p:nvPr/>
        </p:nvSpPr>
        <p:spPr>
          <a:xfrm>
            <a:off x="7533555" y="3643890"/>
            <a:ext cx="1333096" cy="231429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38088" tIns="76177" rIns="76177" bIns="0" rtlCol="0" anchor="t" anchorCtr="0"/>
          <a:lstStyle/>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Big Science</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Industriel 3D-print</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Industriel Materiale- teknologi</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Plast og Emballage</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Tribologi</a:t>
            </a:r>
          </a:p>
          <a:p>
            <a:pPr marL="0" marR="0" lvl="0" indent="0" algn="l" defTabSz="967527" rtl="0" eaLnBrk="1" fontAlgn="auto" latinLnBrk="0" hangingPunct="1">
              <a:lnSpc>
                <a:spcPct val="100000"/>
              </a:lnSpc>
              <a:spcBef>
                <a:spcPts val="0"/>
              </a:spcBef>
              <a:spcAft>
                <a:spcPts val="846"/>
              </a:spcAft>
              <a:buClrTx/>
              <a:buSzTx/>
              <a:buFontTx/>
              <a:buNone/>
              <a:tabLst/>
              <a:defRPr/>
            </a:pPr>
            <a:endPar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79" name="Rectangle 78">
            <a:extLst>
              <a:ext uri="{FF2B5EF4-FFF2-40B4-BE49-F238E27FC236}">
                <a16:creationId xmlns:a16="http://schemas.microsoft.com/office/drawing/2014/main" id="{CAAF7C29-D446-4A98-AC77-53C66133994D}"/>
              </a:ext>
            </a:extLst>
          </p:cNvPr>
          <p:cNvSpPr/>
          <p:nvPr/>
        </p:nvSpPr>
        <p:spPr>
          <a:xfrm>
            <a:off x="10394807" y="3030130"/>
            <a:ext cx="1333096" cy="39997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38088" tIns="76177" rIns="76177" bIns="0" rtlCol="0" anchor="b" anchorCtr="0"/>
          <a:lstStyle/>
          <a:p>
            <a:pPr marL="0" marR="0" lvl="0" indent="0" algn="l" defTabSz="967527" rtl="0" eaLnBrk="1" fontAlgn="auto" latinLnBrk="0" hangingPunct="1">
              <a:lnSpc>
                <a:spcPct val="100000"/>
              </a:lnSpc>
              <a:spcBef>
                <a:spcPts val="0"/>
              </a:spcBef>
              <a:spcAft>
                <a:spcPts val="0"/>
              </a:spcAft>
              <a:buClrTx/>
              <a:buSzTx/>
              <a:buFontTx/>
              <a:buNone/>
              <a:tabLst/>
              <a:defRPr/>
            </a:pPr>
            <a:endParaRPr kumimoji="0" lang="da-DK" sz="1058"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80" name="Rectangle 79">
            <a:extLst>
              <a:ext uri="{FF2B5EF4-FFF2-40B4-BE49-F238E27FC236}">
                <a16:creationId xmlns:a16="http://schemas.microsoft.com/office/drawing/2014/main" id="{6A62DE97-4F21-4092-8F83-0326EA31A0ED}"/>
              </a:ext>
            </a:extLst>
          </p:cNvPr>
          <p:cNvSpPr/>
          <p:nvPr/>
        </p:nvSpPr>
        <p:spPr>
          <a:xfrm>
            <a:off x="10399666" y="3538682"/>
            <a:ext cx="1333096" cy="36278"/>
          </a:xfrm>
          <a:prstGeom prst="rect">
            <a:avLst/>
          </a:prstGeom>
          <a:solidFill>
            <a:schemeClr val="bg2">
              <a:lumMod val="60000"/>
              <a:lumOff val="4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wrap="square" lIns="76177" tIns="76177" rIns="76177" bIns="0" rtlCol="0" anchor="b" anchorCtr="0"/>
          <a:lstStyle/>
          <a:p>
            <a:pPr marL="0" marR="0" lvl="0" indent="0" algn="l" defTabSz="967527" rtl="0" eaLnBrk="1" fontAlgn="auto" latinLnBrk="0" hangingPunct="1">
              <a:lnSpc>
                <a:spcPct val="100000"/>
              </a:lnSpc>
              <a:spcBef>
                <a:spcPts val="0"/>
              </a:spcBef>
              <a:spcAft>
                <a:spcPts val="0"/>
              </a:spcAft>
              <a:buClrTx/>
              <a:buSzTx/>
              <a:buFontTx/>
              <a:buNone/>
              <a:tabLst/>
              <a:defRPr/>
            </a:pPr>
            <a:endParaRPr kumimoji="0" lang="da-DK" sz="2015" b="0" i="0" u="none" strike="noStrike" kern="1200" cap="none" spc="0" normalizeH="0" baseline="3000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81" name="Rectangle 80">
            <a:extLst>
              <a:ext uri="{FF2B5EF4-FFF2-40B4-BE49-F238E27FC236}">
                <a16:creationId xmlns:a16="http://schemas.microsoft.com/office/drawing/2014/main" id="{C5C06ACC-3A14-4342-AE86-978229B1317C}"/>
              </a:ext>
            </a:extLst>
          </p:cNvPr>
          <p:cNvSpPr/>
          <p:nvPr/>
        </p:nvSpPr>
        <p:spPr>
          <a:xfrm>
            <a:off x="4667385" y="2567954"/>
            <a:ext cx="1333096" cy="482352"/>
          </a:xfrm>
          <a:prstGeom prst="rect">
            <a:avLst/>
          </a:prstGeom>
          <a:solidFill>
            <a:schemeClr val="bg1">
              <a:lumMod val="6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wrap="square" lIns="76177" tIns="76177" rIns="76177" bIns="49515" rtlCol="0" anchor="t" anchorCtr="0"/>
          <a:lstStyle/>
          <a:p>
            <a:pPr marL="0" marR="0" lvl="0" indent="0" algn="ctr" defTabSz="967527" rtl="0" eaLnBrk="1" fontAlgn="auto" latinLnBrk="0" hangingPunct="1">
              <a:lnSpc>
                <a:spcPct val="100000"/>
              </a:lnSpc>
              <a:spcBef>
                <a:spcPts val="0"/>
              </a:spcBef>
              <a:spcAft>
                <a:spcPts val="0"/>
              </a:spcAft>
              <a:buClrTx/>
              <a:buSzTx/>
              <a:buFontTx/>
              <a:buNone/>
              <a:tabLst/>
              <a:defRPr/>
            </a:pPr>
            <a:r>
              <a:rPr kumimoji="0" lang="da-DK" sz="1058" b="1" i="0" u="none" strike="noStrike" kern="1200" cap="none" spc="0" normalizeH="0" baseline="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Energi og Klima</a:t>
            </a:r>
          </a:p>
        </p:txBody>
      </p:sp>
      <p:sp>
        <p:nvSpPr>
          <p:cNvPr id="82" name="Rectangle 81">
            <a:extLst>
              <a:ext uri="{FF2B5EF4-FFF2-40B4-BE49-F238E27FC236}">
                <a16:creationId xmlns:a16="http://schemas.microsoft.com/office/drawing/2014/main" id="{E8B8BDEF-5F48-477E-A419-7C3D8C1756B1}"/>
              </a:ext>
            </a:extLst>
          </p:cNvPr>
          <p:cNvSpPr/>
          <p:nvPr/>
        </p:nvSpPr>
        <p:spPr>
          <a:xfrm>
            <a:off x="4667385" y="3105841"/>
            <a:ext cx="1333096" cy="39997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38088" tIns="76177" rIns="0" bIns="0" rtlCol="0" anchor="b" anchorCtr="0"/>
          <a:lstStyle/>
          <a:p>
            <a:pPr marL="0" marR="0" lvl="0" indent="0" algn="l" defTabSz="967527" rtl="0" eaLnBrk="1" fontAlgn="auto" latinLnBrk="0" hangingPunct="1">
              <a:lnSpc>
                <a:spcPct val="100000"/>
              </a:lnSpc>
              <a:spcBef>
                <a:spcPts val="0"/>
              </a:spcBef>
              <a:spcAft>
                <a:spcPts val="0"/>
              </a:spcAft>
              <a:buClrTx/>
              <a:buSzTx/>
              <a:buFontTx/>
              <a:buNone/>
              <a:tabLst/>
              <a:defRPr/>
            </a:pPr>
            <a:r>
              <a:rPr kumimoji="0" lang="da-DK" sz="1058"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Direktør</a:t>
            </a:r>
          </a:p>
          <a:p>
            <a:pPr marL="0" marR="0" lvl="0" indent="0" algn="l" defTabSz="967527" rtl="0" eaLnBrk="1" fontAlgn="auto" latinLnBrk="0" hangingPunct="1">
              <a:lnSpc>
                <a:spcPct val="100000"/>
              </a:lnSpc>
              <a:spcBef>
                <a:spcPts val="0"/>
              </a:spcBef>
              <a:spcAft>
                <a:spcPts val="0"/>
              </a:spcAft>
              <a:buClrTx/>
              <a:buSzTx/>
              <a:buFontTx/>
              <a:buNone/>
              <a:tabLst/>
              <a:defRPr/>
            </a:pPr>
            <a:r>
              <a:rPr kumimoji="0" lang="da-DK" sz="1058"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David  Tveit</a:t>
            </a:r>
          </a:p>
        </p:txBody>
      </p:sp>
      <p:sp>
        <p:nvSpPr>
          <p:cNvPr id="83" name="Rectangle 82">
            <a:extLst>
              <a:ext uri="{FF2B5EF4-FFF2-40B4-BE49-F238E27FC236}">
                <a16:creationId xmlns:a16="http://schemas.microsoft.com/office/drawing/2014/main" id="{4FA12D06-8EE3-4321-B3AD-0A209FBD713D}"/>
              </a:ext>
            </a:extLst>
          </p:cNvPr>
          <p:cNvSpPr/>
          <p:nvPr/>
        </p:nvSpPr>
        <p:spPr>
          <a:xfrm>
            <a:off x="4667385" y="3538683"/>
            <a:ext cx="1066477" cy="36278"/>
          </a:xfrm>
          <a:prstGeom prst="rect">
            <a:avLst/>
          </a:prstGeom>
          <a:solidFill>
            <a:srgbClr val="1C2C2F"/>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76177" tIns="76177" rIns="76177" bIns="0" rtlCol="0" anchor="b" anchorCtr="0"/>
          <a:lstStyle/>
          <a:p>
            <a:pPr marL="0" marR="0" lvl="0" indent="0" algn="l" defTabSz="967527" rtl="0" eaLnBrk="1" fontAlgn="auto" latinLnBrk="0" hangingPunct="1">
              <a:lnSpc>
                <a:spcPct val="100000"/>
              </a:lnSpc>
              <a:spcBef>
                <a:spcPts val="0"/>
              </a:spcBef>
              <a:spcAft>
                <a:spcPts val="0"/>
              </a:spcAft>
              <a:buClrTx/>
              <a:buSzTx/>
              <a:buFontTx/>
              <a:buNone/>
              <a:tabLst/>
              <a:defRPr/>
            </a:pPr>
            <a:endParaRPr kumimoji="0" lang="da-DK" sz="1058" b="0" i="0" u="none" strike="noStrike" kern="1200" cap="none" spc="0" normalizeH="0" baseline="3000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endParaRPr>
          </a:p>
        </p:txBody>
      </p:sp>
      <p:sp useBgFill="1">
        <p:nvSpPr>
          <p:cNvPr id="84" name="Rectangle 83">
            <a:extLst>
              <a:ext uri="{FF2B5EF4-FFF2-40B4-BE49-F238E27FC236}">
                <a16:creationId xmlns:a16="http://schemas.microsoft.com/office/drawing/2014/main" id="{913E2BEB-F257-406E-BB4E-66956005E5C2}"/>
              </a:ext>
            </a:extLst>
          </p:cNvPr>
          <p:cNvSpPr/>
          <p:nvPr/>
        </p:nvSpPr>
        <p:spPr>
          <a:xfrm>
            <a:off x="4667385" y="3643890"/>
            <a:ext cx="1333096" cy="2314299"/>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wrap="square" lIns="38088" tIns="76177" rIns="76177" bIns="0" rtlCol="0" anchor="t" anchorCtr="0"/>
          <a:lstStyle/>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Automobilteknik</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Energieffektivise-ring og Ventilation</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Installation og Kalibrering </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Køle- og Varme-pumpeteknik</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Transport og Elektriske systemer</a:t>
            </a:r>
          </a:p>
        </p:txBody>
      </p:sp>
      <p:sp>
        <p:nvSpPr>
          <p:cNvPr id="85" name="Rectangle 84">
            <a:extLst>
              <a:ext uri="{FF2B5EF4-FFF2-40B4-BE49-F238E27FC236}">
                <a16:creationId xmlns:a16="http://schemas.microsoft.com/office/drawing/2014/main" id="{A105526C-0AFB-4BC1-B258-79B0DFF849D9}"/>
              </a:ext>
            </a:extLst>
          </p:cNvPr>
          <p:cNvSpPr/>
          <p:nvPr/>
        </p:nvSpPr>
        <p:spPr>
          <a:xfrm>
            <a:off x="4667385" y="3538683"/>
            <a:ext cx="1333096" cy="36278"/>
          </a:xfrm>
          <a:prstGeom prst="rect">
            <a:avLst/>
          </a:prstGeom>
          <a:solidFill>
            <a:schemeClr val="bg2">
              <a:lumMod val="60000"/>
              <a:lumOff val="4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wrap="square" lIns="76177" tIns="76177" rIns="76177" bIns="0" rtlCol="0" anchor="b" anchorCtr="0"/>
          <a:lstStyle/>
          <a:p>
            <a:pPr marL="0" marR="0" lvl="0" indent="0" algn="l" defTabSz="967527" rtl="0" eaLnBrk="1" fontAlgn="auto" latinLnBrk="0" hangingPunct="1">
              <a:lnSpc>
                <a:spcPct val="100000"/>
              </a:lnSpc>
              <a:spcBef>
                <a:spcPts val="0"/>
              </a:spcBef>
              <a:spcAft>
                <a:spcPts val="0"/>
              </a:spcAft>
              <a:buClrTx/>
              <a:buSzTx/>
              <a:buFontTx/>
              <a:buNone/>
              <a:tabLst/>
              <a:defRPr/>
            </a:pPr>
            <a:endParaRPr kumimoji="0" lang="da-DK" sz="1058" b="0" i="0" u="none" strike="noStrike" kern="1200" cap="none" spc="0" normalizeH="0" baseline="3000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86" name="Rectangle 85">
            <a:extLst>
              <a:ext uri="{FF2B5EF4-FFF2-40B4-BE49-F238E27FC236}">
                <a16:creationId xmlns:a16="http://schemas.microsoft.com/office/drawing/2014/main" id="{7C7FFB6C-52FD-4F98-9462-72B9EDCD80BD}"/>
              </a:ext>
            </a:extLst>
          </p:cNvPr>
          <p:cNvSpPr/>
          <p:nvPr/>
        </p:nvSpPr>
        <p:spPr>
          <a:xfrm>
            <a:off x="10394417" y="2564873"/>
            <a:ext cx="1333096" cy="482352"/>
          </a:xfrm>
          <a:prstGeom prst="rect">
            <a:avLst/>
          </a:prstGeom>
          <a:solidFill>
            <a:schemeClr val="tx1">
              <a:lumMod val="65000"/>
              <a:lumOff val="3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wrap="square" lIns="76177" tIns="76177" rIns="76177" bIns="49515" rtlCol="0" anchor="t" anchorCtr="0"/>
          <a:lstStyle/>
          <a:p>
            <a:pPr marL="0" marR="0" lvl="0" indent="0" algn="ctr" defTabSz="967527" rtl="0" eaLnBrk="1" fontAlgn="auto" latinLnBrk="0" hangingPunct="1">
              <a:lnSpc>
                <a:spcPct val="100000"/>
              </a:lnSpc>
              <a:spcBef>
                <a:spcPts val="0"/>
              </a:spcBef>
              <a:spcAft>
                <a:spcPts val="0"/>
              </a:spcAft>
              <a:buClrTx/>
              <a:buSzTx/>
              <a:buFontTx/>
              <a:buNone/>
              <a:tabLst/>
              <a:defRPr/>
            </a:pPr>
            <a:r>
              <a:rPr kumimoji="0" lang="da-DK" sz="1058" b="1" i="0" u="none" strike="noStrike" kern="1200" cap="none" spc="0" normalizeH="0" baseline="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Datterselskaber</a:t>
            </a:r>
          </a:p>
        </p:txBody>
      </p:sp>
      <p:sp>
        <p:nvSpPr>
          <p:cNvPr id="87" name="Rectangle 86">
            <a:extLst>
              <a:ext uri="{FF2B5EF4-FFF2-40B4-BE49-F238E27FC236}">
                <a16:creationId xmlns:a16="http://schemas.microsoft.com/office/drawing/2014/main" id="{5FA02D1E-8B39-4D54-B489-0732B8C18892}"/>
              </a:ext>
            </a:extLst>
          </p:cNvPr>
          <p:cNvSpPr/>
          <p:nvPr/>
        </p:nvSpPr>
        <p:spPr>
          <a:xfrm>
            <a:off x="10394417" y="3643890"/>
            <a:ext cx="1333096" cy="231429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38088" tIns="76177" rIns="76177" bIns="0" rtlCol="0" anchor="t" anchorCtr="0"/>
          <a:lstStyle/>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Danfysik A/S</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Teknologisk Innovation A/S</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Dancert A/S</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Danish Technological Institute Spain, S.L.</a:t>
            </a:r>
          </a:p>
          <a:p>
            <a:pPr marL="0" marR="0" lvl="0" indent="0" algn="l" defTabSz="967527" rtl="0" eaLnBrk="1" fontAlgn="auto" latinLnBrk="0" hangingPunct="1">
              <a:lnSpc>
                <a:spcPct val="100000"/>
              </a:lnSpc>
              <a:spcBef>
                <a:spcPts val="0"/>
              </a:spcBef>
              <a:spcAft>
                <a:spcPts val="846"/>
              </a:spcAft>
              <a:buClrTx/>
              <a:buSzTx/>
              <a:buFontTx/>
              <a:buNone/>
              <a:tabLst/>
              <a:defRPr/>
            </a:pPr>
            <a:endPar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88" name="Rectangle 87">
            <a:extLst>
              <a:ext uri="{FF2B5EF4-FFF2-40B4-BE49-F238E27FC236}">
                <a16:creationId xmlns:a16="http://schemas.microsoft.com/office/drawing/2014/main" id="{71712117-4514-401F-AD15-E417FA6898EE}"/>
              </a:ext>
            </a:extLst>
          </p:cNvPr>
          <p:cNvSpPr/>
          <p:nvPr/>
        </p:nvSpPr>
        <p:spPr>
          <a:xfrm>
            <a:off x="10394417" y="3047654"/>
            <a:ext cx="1333096" cy="38244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38088" tIns="76177" rIns="76177" bIns="0" rtlCol="0" anchor="b" anchorCtr="0"/>
          <a:lstStyle/>
          <a:p>
            <a:pPr marL="0" marR="0" lvl="0" indent="0" algn="l" defTabSz="967527" rtl="0" eaLnBrk="1" fontAlgn="auto" latinLnBrk="0" hangingPunct="1">
              <a:lnSpc>
                <a:spcPct val="100000"/>
              </a:lnSpc>
              <a:spcBef>
                <a:spcPts val="0"/>
              </a:spcBef>
              <a:spcAft>
                <a:spcPts val="0"/>
              </a:spcAft>
              <a:buClrTx/>
              <a:buSzTx/>
              <a:buFontTx/>
              <a:buNone/>
              <a:tabLst/>
              <a:defRPr/>
            </a:pPr>
            <a:endParaRPr kumimoji="0" lang="da-DK" sz="1058"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89" name="Rectangle 88">
            <a:extLst>
              <a:ext uri="{FF2B5EF4-FFF2-40B4-BE49-F238E27FC236}">
                <a16:creationId xmlns:a16="http://schemas.microsoft.com/office/drawing/2014/main" id="{5DBB5A2B-DC7F-4434-95D6-1BBE6E137A6E}"/>
              </a:ext>
            </a:extLst>
          </p:cNvPr>
          <p:cNvSpPr/>
          <p:nvPr/>
        </p:nvSpPr>
        <p:spPr>
          <a:xfrm>
            <a:off x="8964267" y="2562453"/>
            <a:ext cx="1347990" cy="482352"/>
          </a:xfrm>
          <a:prstGeom prst="rect">
            <a:avLst/>
          </a:prstGeom>
          <a:solidFill>
            <a:schemeClr val="bg1">
              <a:lumMod val="6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wrap="square" lIns="76177" tIns="76177" rIns="76177" bIns="49515" rtlCol="0" anchor="t" anchorCtr="0"/>
          <a:lstStyle/>
          <a:p>
            <a:pPr marL="0" marR="0" lvl="0" indent="0" algn="ctr" defTabSz="967527" rtl="0" eaLnBrk="1" fontAlgn="auto" latinLnBrk="0" hangingPunct="1">
              <a:lnSpc>
                <a:spcPct val="100000"/>
              </a:lnSpc>
              <a:spcBef>
                <a:spcPts val="0"/>
              </a:spcBef>
              <a:spcAft>
                <a:spcPts val="0"/>
              </a:spcAft>
              <a:buClrTx/>
              <a:buSzTx/>
              <a:buFontTx/>
              <a:buNone/>
              <a:tabLst/>
              <a:defRPr/>
            </a:pPr>
            <a:r>
              <a:rPr kumimoji="0" lang="da-DK" sz="1058" b="1" i="0" u="none" strike="noStrike" kern="1200" cap="none" spc="0" normalizeH="0" baseline="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Produktion og Innovation</a:t>
            </a:r>
          </a:p>
        </p:txBody>
      </p:sp>
      <p:sp>
        <p:nvSpPr>
          <p:cNvPr id="90" name="Rectangle 89">
            <a:extLst>
              <a:ext uri="{FF2B5EF4-FFF2-40B4-BE49-F238E27FC236}">
                <a16:creationId xmlns:a16="http://schemas.microsoft.com/office/drawing/2014/main" id="{2D5E432B-D36B-425F-9C0F-1E299611E4EC}"/>
              </a:ext>
            </a:extLst>
          </p:cNvPr>
          <p:cNvSpPr/>
          <p:nvPr/>
        </p:nvSpPr>
        <p:spPr>
          <a:xfrm>
            <a:off x="8964267" y="3134561"/>
            <a:ext cx="1333096" cy="38244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38088" tIns="76177" rIns="76177" bIns="0" rtlCol="0" anchor="b" anchorCtr="0"/>
          <a:lstStyle/>
          <a:p>
            <a:pPr marL="0" marR="0" lvl="0" indent="0" algn="l" defTabSz="967527" rtl="0" eaLnBrk="1" fontAlgn="auto" latinLnBrk="0" hangingPunct="1">
              <a:lnSpc>
                <a:spcPct val="100000"/>
              </a:lnSpc>
              <a:spcBef>
                <a:spcPts val="0"/>
              </a:spcBef>
              <a:spcAft>
                <a:spcPts val="0"/>
              </a:spcAft>
              <a:buClrTx/>
              <a:buSzTx/>
              <a:buFontTx/>
              <a:buNone/>
              <a:tabLst/>
              <a:defRPr/>
            </a:pPr>
            <a:r>
              <a:rPr kumimoji="0" lang="da-DK" sz="1058"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Direktør </a:t>
            </a:r>
          </a:p>
          <a:p>
            <a:pPr marL="0" marR="0" lvl="0" indent="0" algn="l" defTabSz="967527" rtl="0" eaLnBrk="1" fontAlgn="auto" latinLnBrk="0" hangingPunct="1">
              <a:lnSpc>
                <a:spcPct val="100000"/>
              </a:lnSpc>
              <a:spcBef>
                <a:spcPts val="0"/>
              </a:spcBef>
              <a:spcAft>
                <a:spcPts val="0"/>
              </a:spcAft>
              <a:buClrTx/>
              <a:buSzTx/>
              <a:buFontTx/>
              <a:buNone/>
              <a:tabLst/>
              <a:defRPr/>
            </a:pPr>
            <a:r>
              <a:rPr kumimoji="0" lang="da-DK" sz="1058"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Anne-Lise H. Lejre </a:t>
            </a:r>
          </a:p>
        </p:txBody>
      </p:sp>
      <p:sp>
        <p:nvSpPr>
          <p:cNvPr id="91" name="Rectangle 90">
            <a:extLst>
              <a:ext uri="{FF2B5EF4-FFF2-40B4-BE49-F238E27FC236}">
                <a16:creationId xmlns:a16="http://schemas.microsoft.com/office/drawing/2014/main" id="{AFB46DAB-F684-4567-9DFC-3E6643CDC1DE}"/>
              </a:ext>
            </a:extLst>
          </p:cNvPr>
          <p:cNvSpPr/>
          <p:nvPr/>
        </p:nvSpPr>
        <p:spPr>
          <a:xfrm>
            <a:off x="377540" y="2129100"/>
            <a:ext cx="11352755" cy="342834"/>
          </a:xfrm>
          <a:prstGeom prst="rect">
            <a:avLst/>
          </a:prstGeom>
          <a:solidFill>
            <a:srgbClr val="2553A4"/>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wrap="none" tIns="0" bIns="198060" rtlCol="0" anchor="ctr" anchorCtr="0"/>
          <a:lstStyle/>
          <a:p>
            <a:pPr marL="0" marR="0" lvl="0" indent="0" algn="ctr" defTabSz="967527" rtl="0" eaLnBrk="1" fontAlgn="auto" latinLnBrk="0" hangingPunct="1">
              <a:lnSpc>
                <a:spcPct val="100000"/>
              </a:lnSpc>
              <a:spcBef>
                <a:spcPts val="0"/>
              </a:spcBef>
              <a:spcAft>
                <a:spcPts val="0"/>
              </a:spcAft>
              <a:buClrTx/>
              <a:buSzTx/>
              <a:buFontTx/>
              <a:buNone/>
              <a:tabLst/>
              <a:defRPr/>
            </a:pPr>
            <a:endParaRPr kumimoji="0" lang="da-DK" sz="1481" b="0" i="0" u="none" strike="noStrike" kern="1200" cap="none" spc="0" normalizeH="0" baseline="0" noProof="1">
              <a:ln>
                <a:noFill/>
              </a:ln>
              <a:solidFill>
                <a:srgbClr val="FFFFFF"/>
              </a:solidFill>
              <a:effectLst/>
              <a:uLnTx/>
              <a:uFillTx/>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92" name="Rectangle 91">
            <a:extLst>
              <a:ext uri="{FF2B5EF4-FFF2-40B4-BE49-F238E27FC236}">
                <a16:creationId xmlns:a16="http://schemas.microsoft.com/office/drawing/2014/main" id="{F65803CA-D2D4-463C-A6DD-E4DA289B18C9}"/>
              </a:ext>
            </a:extLst>
          </p:cNvPr>
          <p:cNvSpPr/>
          <p:nvPr/>
        </p:nvSpPr>
        <p:spPr>
          <a:xfrm>
            <a:off x="584537" y="2201590"/>
            <a:ext cx="10932288" cy="255134"/>
          </a:xfrm>
          <a:prstGeom prst="rect">
            <a:avLst/>
          </a:prstGeom>
        </p:spPr>
        <p:txBody>
          <a:bodyPr wrap="square">
            <a:spAutoFit/>
          </a:bodyPr>
          <a:lstStyle/>
          <a:p>
            <a:pPr marL="0" marR="0" lvl="0" indent="0" algn="ctr" defTabSz="967527" rtl="0" eaLnBrk="1" fontAlgn="auto" latinLnBrk="0" hangingPunct="1">
              <a:lnSpc>
                <a:spcPct val="100000"/>
              </a:lnSpc>
              <a:spcBef>
                <a:spcPts val="0"/>
              </a:spcBef>
              <a:spcAft>
                <a:spcPts val="0"/>
              </a:spcAft>
              <a:buClrTx/>
              <a:buSzTx/>
              <a:buFontTx/>
              <a:buNone/>
              <a:tabLst/>
              <a:defRPr/>
            </a:pPr>
            <a:r>
              <a:rPr kumimoji="0" lang="da-DK" sz="1058" b="1" i="0" u="none" strike="noStrike" kern="1200" cap="none" spc="0" normalizeH="0" baseline="0" noProof="1">
                <a:ln>
                  <a:noFill/>
                </a:ln>
                <a:solidFill>
                  <a:srgbClr val="FFFFFF"/>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Stabsfunktioner: </a:t>
            </a:r>
            <a:r>
              <a:rPr kumimoji="0" lang="da-DK" sz="1058" b="0" i="0" u="none" strike="noStrike" kern="1200" cap="none" spc="0" normalizeH="0" baseline="0" noProof="1">
                <a:ln>
                  <a:noFill/>
                </a:ln>
                <a:solidFill>
                  <a:srgbClr val="FFFFFF"/>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Bygningsservice, Direktionssekretariat, IT, Kommunikation, Personale og Udvikling, Reception, Økonomi, Internationalt Center, Forretningsudvikling</a:t>
            </a:r>
          </a:p>
        </p:txBody>
      </p:sp>
      <p:sp>
        <p:nvSpPr>
          <p:cNvPr id="93" name="Rectangle 92">
            <a:extLst>
              <a:ext uri="{FF2B5EF4-FFF2-40B4-BE49-F238E27FC236}">
                <a16:creationId xmlns:a16="http://schemas.microsoft.com/office/drawing/2014/main" id="{2270597E-DF4E-4344-997D-6A1DE0934F73}"/>
              </a:ext>
            </a:extLst>
          </p:cNvPr>
          <p:cNvSpPr/>
          <p:nvPr/>
        </p:nvSpPr>
        <p:spPr>
          <a:xfrm>
            <a:off x="8964267" y="3643890"/>
            <a:ext cx="1333096" cy="2314298"/>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38088" tIns="76177" rIns="76177" bIns="0" rtlCol="0" anchor="t" anchorCtr="0"/>
          <a:lstStyle/>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Analyse og Erhvervsfremme</a:t>
            </a:r>
          </a:p>
          <a:p>
            <a:pPr lvl="0">
              <a:spcAft>
                <a:spcPts val="846"/>
              </a:spcAft>
              <a:defRPr/>
            </a:pPr>
            <a:r>
              <a:rPr lang="da-DK" sz="1000" noProof="1">
                <a:solidFill>
                  <a:prstClr val="black"/>
                </a:solidFill>
                <a:latin typeface="Open Sans Light" panose="020B0306030504020204" pitchFamily="34" charset="0"/>
                <a:ea typeface="Open Sans Light" panose="020B0306030504020204" pitchFamily="34" charset="0"/>
                <a:cs typeface="Open Sans Light" panose="020B0306030504020204" pitchFamily="34" charset="0"/>
              </a:rPr>
              <a:t>Bæredygtig Idéudvikling</a:t>
            </a:r>
          </a:p>
          <a:p>
            <a:pPr lvl="0">
              <a:spcAft>
                <a:spcPts val="846"/>
              </a:spcAft>
              <a:defRPr/>
            </a:pPr>
            <a:r>
              <a:rPr lang="da-DK" sz="1000" noProof="1">
                <a:solidFill>
                  <a:prstClr val="black"/>
                </a:solidFill>
                <a:latin typeface="Open Sans Light" panose="020B0306030504020204" pitchFamily="34" charset="0"/>
                <a:ea typeface="Open Sans Light" panose="020B0306030504020204" pitchFamily="34" charset="0"/>
                <a:cs typeface="Open Sans Light" panose="020B0306030504020204" pitchFamily="34" charset="0"/>
              </a:rPr>
              <a:t>Innovation og Digital transformation</a:t>
            </a:r>
          </a:p>
          <a:p>
            <a:pPr lvl="0">
              <a:spcAft>
                <a:spcPts val="846"/>
              </a:spcAft>
              <a:defRPr/>
            </a:pPr>
            <a:r>
              <a:rPr lang="da-DK" sz="1000" noProof="1">
                <a:solidFill>
                  <a:prstClr val="black"/>
                </a:solidFill>
                <a:latin typeface="Open Sans Light" panose="020B0306030504020204" pitchFamily="34" charset="0"/>
                <a:ea typeface="Open Sans Light" panose="020B0306030504020204" pitchFamily="34" charset="0"/>
                <a:cs typeface="Open Sans Light" panose="020B0306030504020204" pitchFamily="34" charset="0"/>
              </a:rPr>
              <a:t>Måling </a:t>
            </a: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og Kvalitet </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Nanoproduktion og Mikroanalyse</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Robotteknologi</a:t>
            </a:r>
          </a:p>
          <a:p>
            <a:pPr marL="0" marR="0" lvl="0" indent="0" algn="l" defTabSz="967527" rtl="0" eaLnBrk="1" fontAlgn="auto" latinLnBrk="0" hangingPunct="1">
              <a:lnSpc>
                <a:spcPct val="100000"/>
              </a:lnSpc>
              <a:spcBef>
                <a:spcPts val="0"/>
              </a:spcBef>
              <a:spcAft>
                <a:spcPts val="846"/>
              </a:spcAft>
              <a:buClrTx/>
              <a:buSzTx/>
              <a:buFontTx/>
              <a:buNone/>
              <a:tabLst/>
              <a:defRPr/>
            </a:pPr>
            <a:r>
              <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Uddannelse </a:t>
            </a:r>
          </a:p>
          <a:p>
            <a:pPr marL="0" marR="0" lvl="0" indent="0" algn="l" defTabSz="967527" rtl="0" eaLnBrk="1" fontAlgn="auto" latinLnBrk="0" hangingPunct="1">
              <a:lnSpc>
                <a:spcPct val="100000"/>
              </a:lnSpc>
              <a:spcBef>
                <a:spcPts val="0"/>
              </a:spcBef>
              <a:spcAft>
                <a:spcPts val="846"/>
              </a:spcAft>
              <a:buClrTx/>
              <a:buSzTx/>
              <a:buFontTx/>
              <a:buNone/>
              <a:tabLst/>
              <a:defRPr/>
            </a:pPr>
            <a:endPar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endParaRPr>
          </a:p>
          <a:p>
            <a:pPr marL="0" marR="0" lvl="0" indent="0" algn="l" defTabSz="967527" rtl="0" eaLnBrk="1" fontAlgn="auto" latinLnBrk="0" hangingPunct="1">
              <a:lnSpc>
                <a:spcPct val="100000"/>
              </a:lnSpc>
              <a:spcBef>
                <a:spcPts val="0"/>
              </a:spcBef>
              <a:spcAft>
                <a:spcPts val="846"/>
              </a:spcAft>
              <a:buClrTx/>
              <a:buSzTx/>
              <a:buFontTx/>
              <a:buNone/>
              <a:tabLst/>
              <a:defRPr/>
            </a:pPr>
            <a:endParaRPr kumimoji="0" lang="da-DK" sz="1000"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94" name="Rectangle 93">
            <a:extLst>
              <a:ext uri="{FF2B5EF4-FFF2-40B4-BE49-F238E27FC236}">
                <a16:creationId xmlns:a16="http://schemas.microsoft.com/office/drawing/2014/main" id="{998CD942-1414-4BF8-A40C-958C7359461B}"/>
              </a:ext>
            </a:extLst>
          </p:cNvPr>
          <p:cNvSpPr/>
          <p:nvPr/>
        </p:nvSpPr>
        <p:spPr>
          <a:xfrm>
            <a:off x="7533555" y="3115724"/>
            <a:ext cx="1333096" cy="390089"/>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38088" tIns="76177" rIns="76177" bIns="0" rtlCol="0" anchor="b" anchorCtr="0"/>
          <a:lstStyle/>
          <a:p>
            <a:pPr marL="0" marR="0" lvl="0" indent="0" algn="l" defTabSz="967527" rtl="0" eaLnBrk="1" fontAlgn="auto" latinLnBrk="0" hangingPunct="1">
              <a:lnSpc>
                <a:spcPct val="100000"/>
              </a:lnSpc>
              <a:spcBef>
                <a:spcPts val="0"/>
              </a:spcBef>
              <a:spcAft>
                <a:spcPts val="0"/>
              </a:spcAft>
              <a:buClrTx/>
              <a:buSzTx/>
              <a:buFontTx/>
              <a:buNone/>
              <a:tabLst/>
              <a:defRPr/>
            </a:pPr>
            <a:r>
              <a:rPr kumimoji="0" lang="da-DK" sz="1058"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Direktør</a:t>
            </a:r>
          </a:p>
          <a:p>
            <a:pPr marL="0" marR="0" lvl="0" indent="0" algn="l" defTabSz="967527" rtl="0" eaLnBrk="1" fontAlgn="auto" latinLnBrk="0" hangingPunct="1">
              <a:lnSpc>
                <a:spcPct val="100000"/>
              </a:lnSpc>
              <a:spcBef>
                <a:spcPts val="0"/>
              </a:spcBef>
              <a:spcAft>
                <a:spcPts val="0"/>
              </a:spcAft>
              <a:buClrTx/>
              <a:buSzTx/>
              <a:buFontTx/>
              <a:buNone/>
              <a:tabLst/>
              <a:defRPr/>
            </a:pPr>
            <a:r>
              <a:rPr kumimoji="0" lang="da-DK" sz="1058" b="0" i="0" u="none" strike="noStrike" kern="1200" cap="none" spc="0" normalizeH="0" baseline="0" noProof="1">
                <a:ln>
                  <a:noFill/>
                </a:ln>
                <a:solidFill>
                  <a:prstClr val="black"/>
                </a:solidFill>
                <a:effectLst/>
                <a:uLnTx/>
                <a:uFillTx/>
                <a:latin typeface="Open Sans Light" panose="020B0306030504020204" pitchFamily="34" charset="0"/>
                <a:ea typeface="Open Sans Light" panose="020B0306030504020204" pitchFamily="34" charset="0"/>
                <a:cs typeface="Open Sans Light" panose="020B0306030504020204" pitchFamily="34" charset="0"/>
              </a:rPr>
              <a:t>Mikkel Agerbæk</a:t>
            </a:r>
          </a:p>
        </p:txBody>
      </p:sp>
      <p:sp>
        <p:nvSpPr>
          <p:cNvPr id="95" name="Rectangle 94">
            <a:extLst>
              <a:ext uri="{FF2B5EF4-FFF2-40B4-BE49-F238E27FC236}">
                <a16:creationId xmlns:a16="http://schemas.microsoft.com/office/drawing/2014/main" id="{D24FDE8B-E566-472F-AA44-C316C4BEF4F9}"/>
              </a:ext>
            </a:extLst>
          </p:cNvPr>
          <p:cNvSpPr/>
          <p:nvPr/>
        </p:nvSpPr>
        <p:spPr>
          <a:xfrm>
            <a:off x="7566428" y="3538682"/>
            <a:ext cx="1333096" cy="36278"/>
          </a:xfrm>
          <a:prstGeom prst="rect">
            <a:avLst/>
          </a:prstGeom>
          <a:solidFill>
            <a:schemeClr val="bg2">
              <a:lumMod val="60000"/>
              <a:lumOff val="4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wrap="square" lIns="76177" tIns="76177" rIns="76177" bIns="0" rtlCol="0" anchor="b" anchorCtr="0"/>
          <a:lstStyle/>
          <a:p>
            <a:pPr marL="0" marR="0" lvl="0" indent="0" algn="l" defTabSz="967527" rtl="0" eaLnBrk="1" fontAlgn="auto" latinLnBrk="0" hangingPunct="1">
              <a:lnSpc>
                <a:spcPct val="100000"/>
              </a:lnSpc>
              <a:spcBef>
                <a:spcPts val="0"/>
              </a:spcBef>
              <a:spcAft>
                <a:spcPts val="0"/>
              </a:spcAft>
              <a:buClrTx/>
              <a:buSzTx/>
              <a:buFontTx/>
              <a:buNone/>
              <a:tabLst/>
              <a:defRPr/>
            </a:pPr>
            <a:endParaRPr kumimoji="0" lang="da-DK" sz="2015" b="0" i="0" u="none" strike="noStrike" kern="1200" cap="none" spc="0" normalizeH="0" baseline="3000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96" name="Rectangle 95">
            <a:extLst>
              <a:ext uri="{FF2B5EF4-FFF2-40B4-BE49-F238E27FC236}">
                <a16:creationId xmlns:a16="http://schemas.microsoft.com/office/drawing/2014/main" id="{AC689596-97B4-46E8-B058-F7BBF83BDFEF}"/>
              </a:ext>
            </a:extLst>
          </p:cNvPr>
          <p:cNvSpPr/>
          <p:nvPr/>
        </p:nvSpPr>
        <p:spPr>
          <a:xfrm>
            <a:off x="8992470" y="3538682"/>
            <a:ext cx="1333096" cy="36278"/>
          </a:xfrm>
          <a:prstGeom prst="rect">
            <a:avLst/>
          </a:prstGeom>
          <a:solidFill>
            <a:schemeClr val="bg2">
              <a:lumMod val="60000"/>
              <a:lumOff val="4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wrap="square" lIns="76177" tIns="76177" rIns="76177" bIns="0" rtlCol="0" anchor="b" anchorCtr="0"/>
          <a:lstStyle/>
          <a:p>
            <a:pPr marL="0" marR="0" lvl="0" indent="0" algn="l" defTabSz="967527" rtl="0" eaLnBrk="1" fontAlgn="auto" latinLnBrk="0" hangingPunct="1">
              <a:lnSpc>
                <a:spcPct val="100000"/>
              </a:lnSpc>
              <a:spcBef>
                <a:spcPts val="0"/>
              </a:spcBef>
              <a:spcAft>
                <a:spcPts val="0"/>
              </a:spcAft>
              <a:buClrTx/>
              <a:buSzTx/>
              <a:buFontTx/>
              <a:buNone/>
              <a:tabLst/>
              <a:defRPr/>
            </a:pPr>
            <a:endParaRPr kumimoji="0" lang="da-DK" sz="2015" b="0" i="0" u="none" strike="noStrike" kern="1200" cap="none" spc="0" normalizeH="0" baseline="30000" noProof="1">
              <a:ln>
                <a:noFill/>
              </a:ln>
              <a:solidFill>
                <a:prstClr val="white"/>
              </a:solidFill>
              <a:effectLst/>
              <a:uLnTx/>
              <a:uFillTx/>
              <a:latin typeface="Open Sans Light" panose="020B0306030504020204" pitchFamily="34" charset="0"/>
              <a:ea typeface="Open Sans Light" panose="020B0306030504020204" pitchFamily="34" charset="0"/>
              <a:cs typeface="Open Sans Light" panose="020B0306030504020204" pitchFamily="34" charset="0"/>
            </a:endParaRPr>
          </a:p>
        </p:txBody>
      </p:sp>
      <p:sp>
        <p:nvSpPr>
          <p:cNvPr id="99" name="TemplafyLockedShape" descr="TemplafyLockedShape"/>
          <p:cNvSpPr>
            <a:spLocks noGrp="1" noSelect="1" noRot="1" noChangeAspect="1" noMove="1" noResize="1" noEditPoints="1" noAdjustHandles="1" noChangeArrowheads="1" noChangeShapeType="1" noTextEdit="1"/>
          </p:cNvSpPr>
          <p:nvPr/>
        </p:nvSpPr>
        <p:spPr>
          <a:xfrm>
            <a:off x="0" y="0"/>
            <a:ext cx="12188825" cy="6858000"/>
          </a:xfrm>
          <a:prstGeom prst="rect">
            <a:avLst/>
          </a:prstGeom>
          <a:solidFill>
            <a:schemeClr val="bg1">
              <a:shade val="50000"/>
              <a:alpha val="0"/>
            </a:schemeClr>
          </a:solidFill>
          <a:ln>
            <a:noFill/>
          </a:ln>
        </p:spPr>
        <p:style>
          <a:lnRef idx="2">
            <a:schemeClr val="bg1">
              <a:shade val="50000"/>
              <a:alpha val="0"/>
            </a:schemeClr>
          </a:lnRef>
          <a:fillRef idx="1">
            <a:schemeClr val="bg1">
              <a:shade val="50000"/>
              <a:alpha val="0"/>
            </a:schemeClr>
          </a:fillRef>
          <a:effectRef idx="0">
            <a:schemeClr val="bg1">
              <a:shade val="50000"/>
              <a:alpha val="0"/>
            </a:schemeClr>
          </a:effectRef>
          <a:fontRef idx="minor">
            <a:schemeClr val="bg1">
              <a:shade val="50000"/>
              <a:alpha val="0"/>
            </a:schemeClr>
          </a:fontRef>
        </p:style>
      </p:sp>
    </p:spTree>
    <p:custDataLst>
      <p:custData r:id="rId1"/>
      <p:custData r:id="rId2"/>
      <p:tags r:id="rId3"/>
    </p:custDataLst>
    <p:extLst>
      <p:ext uri="{BB962C8B-B14F-4D97-AF65-F5344CB8AC3E}">
        <p14:creationId xmlns:p14="http://schemas.microsoft.com/office/powerpoint/2010/main" val="303603998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a:extLst>
              <a:ext uri="{FF2B5EF4-FFF2-40B4-BE49-F238E27FC236}">
                <a16:creationId xmlns:a16="http://schemas.microsoft.com/office/drawing/2014/main" id="{3203467A-8B7D-4984-964E-2540A3EA78E7}"/>
              </a:ext>
            </a:extLst>
          </p:cNvPr>
          <p:cNvSpPr>
            <a:spLocks noGrp="1"/>
          </p:cNvSpPr>
          <p:nvPr>
            <p:ph type="body" sz="quarter" idx="14"/>
          </p:nvPr>
        </p:nvSpPr>
        <p:spPr/>
        <p:txBody>
          <a:bodyPr/>
          <a:lstStyle/>
          <a:p>
            <a:endParaRPr lang="da-DK" dirty="0"/>
          </a:p>
        </p:txBody>
      </p:sp>
      <p:sp>
        <p:nvSpPr>
          <p:cNvPr id="3" name="Title 2">
            <a:extLst>
              <a:ext uri="{FF2B5EF4-FFF2-40B4-BE49-F238E27FC236}">
                <a16:creationId xmlns:a16="http://schemas.microsoft.com/office/drawing/2014/main" id="{59689BB9-2CFD-48BD-8C26-7A1A6E576ADB}"/>
              </a:ext>
            </a:extLst>
          </p:cNvPr>
          <p:cNvSpPr>
            <a:spLocks noGrp="1"/>
          </p:cNvSpPr>
          <p:nvPr>
            <p:ph type="ctrTitle"/>
          </p:nvPr>
        </p:nvSpPr>
        <p:spPr/>
        <p:txBody>
          <a:bodyPr/>
          <a:lstStyle/>
          <a:p>
            <a:pPr>
              <a:lnSpc>
                <a:spcPct val="120000"/>
              </a:lnSpc>
            </a:pPr>
            <a:r>
              <a:rPr lang="da-DK" sz="3600" b="1" dirty="0"/>
              <a:t>Digitale kompetencer</a:t>
            </a:r>
            <a:r>
              <a:rPr lang="da-DK" sz="3600" dirty="0"/>
              <a:t/>
            </a:r>
            <a:br>
              <a:rPr lang="da-DK" sz="3600" dirty="0"/>
            </a:br>
            <a:r>
              <a:rPr lang="da-DK" sz="3600" dirty="0"/>
              <a:t/>
            </a:r>
            <a:br>
              <a:rPr lang="da-DK" sz="3600" dirty="0"/>
            </a:br>
            <a:r>
              <a:rPr lang="da-DK" sz="3200" dirty="0"/>
              <a:t>Flere forskellige </a:t>
            </a:r>
            <a:r>
              <a:rPr lang="da-DK" sz="3200" dirty="0" err="1"/>
              <a:t>defintioner</a:t>
            </a:r>
            <a:r>
              <a:rPr lang="da-DK" sz="3200" dirty="0"/>
              <a:t> og begreber</a:t>
            </a:r>
            <a:r>
              <a:rPr lang="da-DK" sz="3600" dirty="0"/>
              <a:t/>
            </a:r>
            <a:br>
              <a:rPr lang="da-DK" sz="3600" dirty="0"/>
            </a:br>
            <a:r>
              <a:rPr lang="da-DK" sz="3600" dirty="0"/>
              <a:t/>
            </a:r>
            <a:br>
              <a:rPr lang="da-DK" sz="3600" dirty="0"/>
            </a:br>
            <a:endParaRPr lang="da-DK" dirty="0"/>
          </a:p>
        </p:txBody>
      </p:sp>
    </p:spTree>
    <p:extLst>
      <p:ext uri="{BB962C8B-B14F-4D97-AF65-F5344CB8AC3E}">
        <p14:creationId xmlns:p14="http://schemas.microsoft.com/office/powerpoint/2010/main" val="379103320"/>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924B540-A87D-4ECC-9052-49334947A206}"/>
              </a:ext>
            </a:extLst>
          </p:cNvPr>
          <p:cNvSpPr>
            <a:spLocks noGrp="1"/>
          </p:cNvSpPr>
          <p:nvPr>
            <p:ph type="title"/>
          </p:nvPr>
        </p:nvSpPr>
        <p:spPr>
          <a:xfrm>
            <a:off x="613224" y="1130530"/>
            <a:ext cx="10851404" cy="1493480"/>
          </a:xfrm>
        </p:spPr>
        <p:txBody>
          <a:bodyPr/>
          <a:lstStyle/>
          <a:p>
            <a:r>
              <a:rPr lang="da-DK" dirty="0"/>
              <a:t>Digitale kompetencer</a:t>
            </a:r>
          </a:p>
        </p:txBody>
      </p:sp>
      <p:pic>
        <p:nvPicPr>
          <p:cNvPr id="7" name="Billede 6">
            <a:extLst>
              <a:ext uri="{FF2B5EF4-FFF2-40B4-BE49-F238E27FC236}">
                <a16:creationId xmlns:a16="http://schemas.microsoft.com/office/drawing/2014/main" id="{12B6E829-F225-48E6-9C5C-B1245EBE85EE}"/>
              </a:ext>
            </a:extLst>
          </p:cNvPr>
          <p:cNvPicPr>
            <a:picLocks noChangeAspect="1"/>
          </p:cNvPicPr>
          <p:nvPr/>
        </p:nvPicPr>
        <p:blipFill>
          <a:blip r:embed="rId2"/>
          <a:stretch>
            <a:fillRect/>
          </a:stretch>
        </p:blipFill>
        <p:spPr>
          <a:xfrm>
            <a:off x="4889850" y="376237"/>
            <a:ext cx="7048500" cy="6105525"/>
          </a:xfrm>
          <a:prstGeom prst="rect">
            <a:avLst/>
          </a:prstGeom>
        </p:spPr>
      </p:pic>
      <p:sp>
        <p:nvSpPr>
          <p:cNvPr id="9" name="Tekstfelt 8">
            <a:extLst>
              <a:ext uri="{FF2B5EF4-FFF2-40B4-BE49-F238E27FC236}">
                <a16:creationId xmlns:a16="http://schemas.microsoft.com/office/drawing/2014/main" id="{C7E3F57A-F1BB-481E-BEF6-E76433C5C0C6}"/>
              </a:ext>
            </a:extLst>
          </p:cNvPr>
          <p:cNvSpPr txBox="1"/>
          <p:nvPr/>
        </p:nvSpPr>
        <p:spPr>
          <a:xfrm>
            <a:off x="613224" y="2701610"/>
            <a:ext cx="3968401" cy="3317062"/>
          </a:xfrm>
          <a:prstGeom prst="rect">
            <a:avLst/>
          </a:prstGeom>
          <a:noFill/>
        </p:spPr>
        <p:txBody>
          <a:bodyPr wrap="square">
            <a:spAutoFit/>
          </a:bodyPr>
          <a:lstStyle/>
          <a:p>
            <a:r>
              <a:rPr lang="da-DK" i="1" dirty="0"/>
              <a:t>”Digital kompetence er en kombination af viden, evner og holdninger til via teknologi, at udføre opgaver, løse problemer, kommunikere, håndtere information, samarbejde, skabe og dele indhold effektivt, hensigtsmæssigt, sikkert, kritisk, kreativt, selvstændigt og etisk”</a:t>
            </a:r>
          </a:p>
          <a:p>
            <a:endParaRPr lang="da-DK" dirty="0"/>
          </a:p>
          <a:p>
            <a:r>
              <a:rPr lang="da-DK" dirty="0"/>
              <a:t>Center for digital dannelse</a:t>
            </a:r>
          </a:p>
          <a:p>
            <a:endParaRPr lang="da-DK" dirty="0"/>
          </a:p>
        </p:txBody>
      </p:sp>
    </p:spTree>
    <p:extLst>
      <p:ext uri="{BB962C8B-B14F-4D97-AF65-F5344CB8AC3E}">
        <p14:creationId xmlns:p14="http://schemas.microsoft.com/office/powerpoint/2010/main" val="415877882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FD8786D-B1C2-41BE-A5C1-834B0BAD912E}"/>
              </a:ext>
            </a:extLst>
          </p:cNvPr>
          <p:cNvSpPr>
            <a:spLocks noGrp="1"/>
          </p:cNvSpPr>
          <p:nvPr>
            <p:ph type="title"/>
          </p:nvPr>
        </p:nvSpPr>
        <p:spPr>
          <a:xfrm>
            <a:off x="613224" y="1409661"/>
            <a:ext cx="4026153" cy="2623323"/>
          </a:xfrm>
        </p:spPr>
        <p:txBody>
          <a:bodyPr>
            <a:normAutofit/>
          </a:bodyPr>
          <a:lstStyle/>
          <a:p>
            <a:r>
              <a:rPr lang="da-DK" dirty="0"/>
              <a:t>World </a:t>
            </a:r>
            <a:r>
              <a:rPr lang="da-DK" dirty="0" err="1"/>
              <a:t>Economic</a:t>
            </a:r>
            <a:r>
              <a:rPr lang="da-DK" dirty="0"/>
              <a:t> Forum &amp; </a:t>
            </a:r>
            <a:br>
              <a:rPr lang="da-DK" dirty="0"/>
            </a:br>
            <a:r>
              <a:rPr lang="da-DK" dirty="0"/>
              <a:t>4. industrielle revolution</a:t>
            </a:r>
          </a:p>
        </p:txBody>
      </p:sp>
      <p:pic>
        <p:nvPicPr>
          <p:cNvPr id="4" name="Picture 2" descr="16 Skills for 21st Century Education - Tomorrow Trends">
            <a:extLst>
              <a:ext uri="{FF2B5EF4-FFF2-40B4-BE49-F238E27FC236}">
                <a16:creationId xmlns:a16="http://schemas.microsoft.com/office/drawing/2014/main" id="{ACCF00A0-71ED-491D-BF44-296270BA4EB6}"/>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3861293" y="543277"/>
            <a:ext cx="8012692" cy="577144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0924087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Billede 11">
            <a:extLst>
              <a:ext uri="{FF2B5EF4-FFF2-40B4-BE49-F238E27FC236}">
                <a16:creationId xmlns:a16="http://schemas.microsoft.com/office/drawing/2014/main" id="{7FC722A0-CCA0-4389-8951-328C598DB48F}"/>
              </a:ext>
            </a:extLst>
          </p:cNvPr>
          <p:cNvPicPr>
            <a:picLocks noChangeAspect="1"/>
          </p:cNvPicPr>
          <p:nvPr/>
        </p:nvPicPr>
        <p:blipFill>
          <a:blip r:embed="rId3"/>
          <a:stretch>
            <a:fillRect/>
          </a:stretch>
        </p:blipFill>
        <p:spPr>
          <a:xfrm>
            <a:off x="3234505" y="606382"/>
            <a:ext cx="8848445" cy="6460006"/>
          </a:xfrm>
          <a:prstGeom prst="rect">
            <a:avLst/>
          </a:prstGeom>
        </p:spPr>
      </p:pic>
      <p:sp>
        <p:nvSpPr>
          <p:cNvPr id="2" name="Titel 1">
            <a:extLst>
              <a:ext uri="{FF2B5EF4-FFF2-40B4-BE49-F238E27FC236}">
                <a16:creationId xmlns:a16="http://schemas.microsoft.com/office/drawing/2014/main" id="{48F48B50-36C9-4942-8AAE-82ED15425CCB}"/>
              </a:ext>
            </a:extLst>
          </p:cNvPr>
          <p:cNvSpPr>
            <a:spLocks noGrp="1"/>
          </p:cNvSpPr>
          <p:nvPr>
            <p:ph type="title"/>
          </p:nvPr>
        </p:nvSpPr>
        <p:spPr>
          <a:xfrm>
            <a:off x="668710" y="983222"/>
            <a:ext cx="10851404" cy="1493480"/>
          </a:xfrm>
        </p:spPr>
        <p:txBody>
          <a:bodyPr/>
          <a:lstStyle/>
          <a:p>
            <a:r>
              <a:rPr lang="da-DK" dirty="0"/>
              <a:t>Teknologiforståelse </a:t>
            </a:r>
          </a:p>
        </p:txBody>
      </p:sp>
      <p:sp>
        <p:nvSpPr>
          <p:cNvPr id="10" name="Pladsholder til indhold 2">
            <a:extLst>
              <a:ext uri="{FF2B5EF4-FFF2-40B4-BE49-F238E27FC236}">
                <a16:creationId xmlns:a16="http://schemas.microsoft.com/office/drawing/2014/main" id="{02ABC9B7-429D-4EE6-94B9-6D24C40364B7}"/>
              </a:ext>
            </a:extLst>
          </p:cNvPr>
          <p:cNvSpPr>
            <a:spLocks noGrp="1"/>
          </p:cNvSpPr>
          <p:nvPr>
            <p:ph sz="quarter" idx="10"/>
          </p:nvPr>
        </p:nvSpPr>
        <p:spPr>
          <a:xfrm>
            <a:off x="612000" y="2721567"/>
            <a:ext cx="3777120" cy="3319463"/>
          </a:xfrm>
        </p:spPr>
        <p:txBody>
          <a:bodyPr>
            <a:normAutofit lnSpcReduction="10000"/>
          </a:bodyPr>
          <a:lstStyle/>
          <a:p>
            <a:r>
              <a:rPr lang="da-DK" dirty="0"/>
              <a:t>Forsøgsfag i folkeskolen de seneste 3 år</a:t>
            </a:r>
          </a:p>
          <a:p>
            <a:r>
              <a:rPr lang="da-DK" dirty="0"/>
              <a:t>Fire kompetenceområder</a:t>
            </a:r>
          </a:p>
          <a:p>
            <a:r>
              <a:rPr lang="da-DK" dirty="0"/>
              <a:t>Nye fagligheder</a:t>
            </a:r>
          </a:p>
          <a:p>
            <a:r>
              <a:rPr lang="da-DK" dirty="0"/>
              <a:t>Samarbejde mellem Danske Professionshøjskoler og Danske Universiteter: Faglige kapacitetsgruppe og styregruppe</a:t>
            </a:r>
          </a:p>
          <a:p>
            <a:r>
              <a:rPr lang="da-DK" dirty="0">
                <a:hlinkClick r:id="rId4"/>
              </a:rPr>
              <a:t>https://emu.dk/grundskole/teknologiforstaaelse</a:t>
            </a:r>
            <a:r>
              <a:rPr lang="da-DK" dirty="0"/>
              <a:t> </a:t>
            </a:r>
          </a:p>
        </p:txBody>
      </p:sp>
    </p:spTree>
    <p:extLst>
      <p:ext uri="{BB962C8B-B14F-4D97-AF65-F5344CB8AC3E}">
        <p14:creationId xmlns:p14="http://schemas.microsoft.com/office/powerpoint/2010/main" val="358954280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ABF191E-39EE-483D-A662-D616955BC40A}"/>
              </a:ext>
            </a:extLst>
          </p:cNvPr>
          <p:cNvSpPr>
            <a:spLocks noGrp="1"/>
          </p:cNvSpPr>
          <p:nvPr>
            <p:ph type="title"/>
          </p:nvPr>
        </p:nvSpPr>
        <p:spPr>
          <a:xfrm>
            <a:off x="613224" y="962778"/>
            <a:ext cx="10851404" cy="1493480"/>
          </a:xfrm>
        </p:spPr>
        <p:txBody>
          <a:bodyPr/>
          <a:lstStyle/>
          <a:p>
            <a:r>
              <a:rPr lang="da-DK" dirty="0" err="1"/>
              <a:t>Computational</a:t>
            </a:r>
            <a:r>
              <a:rPr lang="da-DK" dirty="0"/>
              <a:t> </a:t>
            </a:r>
            <a:r>
              <a:rPr lang="da-DK" dirty="0" err="1"/>
              <a:t>thinking</a:t>
            </a:r>
            <a:r>
              <a:rPr lang="da-DK" dirty="0"/>
              <a:t> som et sæt af kompetencer</a:t>
            </a:r>
          </a:p>
        </p:txBody>
      </p:sp>
      <p:pic>
        <p:nvPicPr>
          <p:cNvPr id="4" name="Billede 3">
            <a:extLst>
              <a:ext uri="{FF2B5EF4-FFF2-40B4-BE49-F238E27FC236}">
                <a16:creationId xmlns:a16="http://schemas.microsoft.com/office/drawing/2014/main" id="{5E875A0C-19CC-4BF4-881E-290998C18463}"/>
              </a:ext>
            </a:extLst>
          </p:cNvPr>
          <p:cNvPicPr>
            <a:picLocks noChangeAspect="1"/>
          </p:cNvPicPr>
          <p:nvPr/>
        </p:nvPicPr>
        <p:blipFill>
          <a:blip r:embed="rId2"/>
          <a:stretch>
            <a:fillRect/>
          </a:stretch>
        </p:blipFill>
        <p:spPr>
          <a:xfrm>
            <a:off x="1885507" y="2091090"/>
            <a:ext cx="8417810" cy="4621305"/>
          </a:xfrm>
          <a:prstGeom prst="rect">
            <a:avLst/>
          </a:prstGeom>
        </p:spPr>
      </p:pic>
      <p:sp>
        <p:nvSpPr>
          <p:cNvPr id="6" name="Tekstfelt 5">
            <a:extLst>
              <a:ext uri="{FF2B5EF4-FFF2-40B4-BE49-F238E27FC236}">
                <a16:creationId xmlns:a16="http://schemas.microsoft.com/office/drawing/2014/main" id="{794E1AAF-1022-41E1-B923-B57034BD60E0}"/>
              </a:ext>
            </a:extLst>
          </p:cNvPr>
          <p:cNvSpPr txBox="1"/>
          <p:nvPr/>
        </p:nvSpPr>
        <p:spPr>
          <a:xfrm>
            <a:off x="370572" y="6383922"/>
            <a:ext cx="10919862" cy="307777"/>
          </a:xfrm>
          <a:prstGeom prst="rect">
            <a:avLst/>
          </a:prstGeom>
          <a:noFill/>
        </p:spPr>
        <p:txBody>
          <a:bodyPr wrap="square">
            <a:spAutoFit/>
          </a:bodyPr>
          <a:lstStyle/>
          <a:p>
            <a:r>
              <a:rPr lang="da-DK" sz="1400" b="0" i="1" dirty="0">
                <a:effectLst/>
                <a:latin typeface="Arial" panose="020B0604020202020204" pitchFamily="34" charset="0"/>
              </a:rPr>
              <a:t>Stine Ejsing-Duun, Morten </a:t>
            </a:r>
            <a:r>
              <a:rPr lang="da-DK" sz="1400" b="0" i="1" dirty="0" err="1">
                <a:effectLst/>
                <a:latin typeface="Arial" panose="020B0604020202020204" pitchFamily="34" charset="0"/>
              </a:rPr>
              <a:t>Misfeldt</a:t>
            </a:r>
            <a:r>
              <a:rPr lang="da-DK" sz="1400" b="0" i="1" dirty="0">
                <a:effectLst/>
                <a:latin typeface="Arial" panose="020B0604020202020204" pitchFamily="34" charset="0"/>
              </a:rPr>
              <a:t> &amp; Daniel Gorm Andersen (2021): </a:t>
            </a:r>
            <a:r>
              <a:rPr lang="da-DK" sz="1400" b="0" i="1" dirty="0" err="1">
                <a:effectLst/>
                <a:latin typeface="Arial" panose="020B0604020202020204" pitchFamily="34" charset="0"/>
              </a:rPr>
              <a:t>Computational</a:t>
            </a:r>
            <a:r>
              <a:rPr lang="da-DK" sz="1400" b="0" i="1" dirty="0">
                <a:effectLst/>
                <a:latin typeface="Arial" panose="020B0604020202020204" pitchFamily="34" charset="0"/>
              </a:rPr>
              <a:t> </a:t>
            </a:r>
            <a:r>
              <a:rPr lang="da-DK" sz="1400" b="0" i="1" dirty="0" err="1">
                <a:effectLst/>
                <a:latin typeface="Arial" panose="020B0604020202020204" pitchFamily="34" charset="0"/>
              </a:rPr>
              <a:t>thinking</a:t>
            </a:r>
            <a:r>
              <a:rPr lang="da-DK" sz="1400" b="0" i="1" dirty="0">
                <a:effectLst/>
                <a:latin typeface="Arial" panose="020B0604020202020204" pitchFamily="34" charset="0"/>
              </a:rPr>
              <a:t> karakteriseret som et sæt af kompetencer</a:t>
            </a:r>
            <a:endParaRPr lang="da-DK" sz="1400" i="1" dirty="0"/>
          </a:p>
        </p:txBody>
      </p:sp>
    </p:spTree>
    <p:extLst>
      <p:ext uri="{BB962C8B-B14F-4D97-AF65-F5344CB8AC3E}">
        <p14:creationId xmlns:p14="http://schemas.microsoft.com/office/powerpoint/2010/main" val="357094842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060306281662162"/>
</p:tagLst>
</file>

<file path=ppt/tags/tag2.xml><?xml version="1.0" encoding="utf-8"?>
<p:tagLst xmlns:a="http://schemas.openxmlformats.org/drawingml/2006/main" xmlns:r="http://schemas.openxmlformats.org/officeDocument/2006/relationships" xmlns:p="http://schemas.openxmlformats.org/presentationml/2006/main">
  <p:tag name="TEMPLAFYSLIDEID" val="637060306280099937"/>
</p:tagLst>
</file>

<file path=ppt/theme/theme1.xml><?xml version="1.0" encoding="utf-8"?>
<a:theme xmlns:a="http://schemas.openxmlformats.org/drawingml/2006/main" name="Teknologisk Institut">
  <a:themeElements>
    <a:clrScheme name="Teknologisk Institut">
      <a:dk1>
        <a:srgbClr val="000000"/>
      </a:dk1>
      <a:lt1>
        <a:srgbClr val="FFFFFF"/>
      </a:lt1>
      <a:dk2>
        <a:srgbClr val="434443"/>
      </a:dk2>
      <a:lt2>
        <a:srgbClr val="A9AAA9"/>
      </a:lt2>
      <a:accent1>
        <a:srgbClr val="2552A3"/>
      </a:accent1>
      <a:accent2>
        <a:srgbClr val="F11935"/>
      </a:accent2>
      <a:accent3>
        <a:srgbClr val="67C8BB"/>
      </a:accent3>
      <a:accent4>
        <a:srgbClr val="1C283A"/>
      </a:accent4>
      <a:accent5>
        <a:srgbClr val="FFF300"/>
      </a:accent5>
      <a:accent6>
        <a:srgbClr val="005E49"/>
      </a:accent6>
      <a:hlink>
        <a:srgbClr val="2552A3"/>
      </a:hlink>
      <a:folHlink>
        <a:srgbClr val="2552A3"/>
      </a:folHlink>
    </a:clrScheme>
    <a:fontScheme name="Teknologisk Institut">
      <a:majorFont>
        <a:latin typeface="Open Sans Light"/>
        <a:ea typeface=""/>
        <a:cs typeface=""/>
      </a:majorFont>
      <a:minorFont>
        <a:latin typeface="Open Sans Light"/>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defRPr dirty="0" err="1" smtClean="0"/>
        </a:defPPr>
      </a:lstStyle>
    </a:txDef>
  </a:objectDefaults>
  <a:extraClrSchemeLst/>
  <a:extLst>
    <a:ext uri="{05A4C25C-085E-4340-85A3-A5531E510DB2}">
      <thm15:themeFamily xmlns:thm15="http://schemas.microsoft.com/office/thememl/2012/main" name="Teknologisk Institut.pptx" id="{BBC66E34-8E8E-4EEA-B635-F9E9835ECAEE}" vid="{C1B7AB83-F459-4D43-9A71-C163DE5BC50C}"/>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HBS Changed distribution 001">
    <a:dk1>
      <a:srgbClr val="111111"/>
    </a:dk1>
    <a:lt1>
      <a:sysClr val="window" lastClr="FFFFFF"/>
    </a:lt1>
    <a:dk2>
      <a:srgbClr val="1F497D"/>
    </a:dk2>
    <a:lt2>
      <a:srgbClr val="EEECE1"/>
    </a:lt2>
    <a:accent1>
      <a:srgbClr val="456966"/>
    </a:accent1>
    <a:accent2>
      <a:srgbClr val="89A6A4"/>
    </a:accent2>
    <a:accent3>
      <a:srgbClr val="C4122E"/>
    </a:accent3>
    <a:accent4>
      <a:srgbClr val="41847D"/>
    </a:accent4>
    <a:accent5>
      <a:srgbClr val="CBCED0"/>
    </a:accent5>
    <a:accent6>
      <a:srgbClr val="D5782E"/>
    </a:accent6>
    <a:hlink>
      <a:srgbClr val="456966"/>
    </a:hlink>
    <a:folHlink>
      <a:srgbClr val="89A6A4"/>
    </a:folHlink>
  </a:clrScheme>
  <a:fontScheme name="HBS">
    <a:majorFont>
      <a:latin typeface="Segoe UI Light"/>
      <a:ea typeface=""/>
      <a:cs typeface=""/>
    </a:majorFont>
    <a:minorFont>
      <a:latin typeface="Georgi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FormConfiguration><![CDATA[{"formFields":[],"formDataEntries":[]}]]></TemplafyFormConfiguration>
</file>

<file path=customXml/item10.xml><?xml version="1.0" encoding="utf-8"?>
<TemplafySlideFormConfiguration><![CDATA[{"formFields":[],"formDataEntries":[]}]]></TemplafySlideFormConfiguration>
</file>

<file path=customXml/item2.xml><?xml version="1.0" encoding="utf-8"?>
<TemplafySlideFormConfiguration><![CDATA[{"formFields":[],"formDataEntries":[]}]]></TemplafySlideFormConfiguration>
</file>

<file path=customXml/item3.xml><?xml version="1.0" encoding="utf-8"?>
<TemplafySlideFormConfiguration><![CDATA[{"formFields":[],"formDataEntries":[]}]]></TemplafySlideFormConfiguration>
</file>

<file path=customXml/item4.xml><?xml version="1.0" encoding="utf-8"?>
<TemplafyTemplateConfiguration><![CDATA[{"elementsMetadata":[],"transformationConfigurations":[],"templateName":"","templateDescription":"","enableDocumentContentUpdater":true,"version":"1.5"}]]></TemplafyTemplateConfiguration>
</file>

<file path=customXml/item5.xml><?xml version="1.0" encoding="utf-8"?>
<TemplafySlideTemplateConfiguration><![CDATA[{"documentContentValidatorConfiguration":{"enableDocumentContentValidator":true,"documentContentValidatorVersion":16},"elementsMetadata":[],"slideId":"637284955345679145","enableDocumentContentUpdater":true,"version":"1.3"}]]></TemplafySlideTemplateConfiguration>
</file>

<file path=customXml/item6.xml><?xml version="1.0" encoding="utf-8"?>
<TemplafySlideFormConfiguration><![CDATA[{"formFields":[],"formDataEntries":[]}]]></TemplafySlideFormConfiguration>
</file>

<file path=customXml/item7.xml><?xml version="1.0" encoding="utf-8"?>
<TemplafySlideTemplateConfiguration><![CDATA[{"documentContentValidatorConfiguration":{"enableDocumentContentValidator":true,"documentContentValidatorVersion":2},"elementsMetadata":[],"slideId":"637284955345991814","enableDocumentContentUpdater":true,"version":"1.3"}]]></TemplafySlideTemplateConfiguration>
</file>

<file path=customXml/item8.xml><?xml version="1.0" encoding="utf-8"?>
<TemplafySlideTemplateConfiguration><![CDATA[{"documentContentValidatorConfiguration":{"enableDocumentContentValidator":false,"documentContentValidatorVersion":0},"elementsMetadata":[],"slideId":"637235704917448988","enableDocumentContentUpdater":true,"version":"1.5"}]]></TemplafySlideTemplateConfiguration>
</file>

<file path=customXml/item9.xml><?xml version="1.0" encoding="utf-8"?>
<TemplafySlideTemplateConfiguration><![CDATA[{"documentContentValidatorConfiguration":{"enableDocumentContentValidator":true,"documentContentValidatorVersion":12},"elementsMetadata":[],"slideId":"637284955344585436","enableDocumentContentUpdater":true,"version":"1.3"}]]></TemplafySlideTemplateConfiguration>
</file>

<file path=customXml/itemProps1.xml><?xml version="1.0" encoding="utf-8"?>
<ds:datastoreItem xmlns:ds="http://schemas.openxmlformats.org/officeDocument/2006/customXml" ds:itemID="{DB5DCA57-4B84-4833-8C84-1CFAE3678170}">
  <ds:schemaRefs/>
</ds:datastoreItem>
</file>

<file path=customXml/itemProps10.xml><?xml version="1.0" encoding="utf-8"?>
<ds:datastoreItem xmlns:ds="http://schemas.openxmlformats.org/officeDocument/2006/customXml" ds:itemID="{9133ECB4-87D8-4EB7-9289-D186C31C4CE1}">
  <ds:schemaRefs/>
</ds:datastoreItem>
</file>

<file path=customXml/itemProps2.xml><?xml version="1.0" encoding="utf-8"?>
<ds:datastoreItem xmlns:ds="http://schemas.openxmlformats.org/officeDocument/2006/customXml" ds:itemID="{1454B666-245F-4D1F-8808-39C582183430}">
  <ds:schemaRefs/>
</ds:datastoreItem>
</file>

<file path=customXml/itemProps3.xml><?xml version="1.0" encoding="utf-8"?>
<ds:datastoreItem xmlns:ds="http://schemas.openxmlformats.org/officeDocument/2006/customXml" ds:itemID="{FD5A6137-D053-4E6A-95C3-F8D43666B0EA}">
  <ds:schemaRefs/>
</ds:datastoreItem>
</file>

<file path=customXml/itemProps4.xml><?xml version="1.0" encoding="utf-8"?>
<ds:datastoreItem xmlns:ds="http://schemas.openxmlformats.org/officeDocument/2006/customXml" ds:itemID="{27193A0D-301D-49B7-BACC-0B5AB0E697FC}">
  <ds:schemaRefs/>
</ds:datastoreItem>
</file>

<file path=customXml/itemProps5.xml><?xml version="1.0" encoding="utf-8"?>
<ds:datastoreItem xmlns:ds="http://schemas.openxmlformats.org/officeDocument/2006/customXml" ds:itemID="{C7CE5DF1-866C-42F9-8EB5-1580A48B40C2}">
  <ds:schemaRefs/>
</ds:datastoreItem>
</file>

<file path=customXml/itemProps6.xml><?xml version="1.0" encoding="utf-8"?>
<ds:datastoreItem xmlns:ds="http://schemas.openxmlformats.org/officeDocument/2006/customXml" ds:itemID="{7E3D7397-CB4F-47C8-9A80-E064C376AE5C}">
  <ds:schemaRefs/>
</ds:datastoreItem>
</file>

<file path=customXml/itemProps7.xml><?xml version="1.0" encoding="utf-8"?>
<ds:datastoreItem xmlns:ds="http://schemas.openxmlformats.org/officeDocument/2006/customXml" ds:itemID="{BC67152F-3D17-4E14-B069-A0CE4D0B49D4}">
  <ds:schemaRefs/>
</ds:datastoreItem>
</file>

<file path=customXml/itemProps8.xml><?xml version="1.0" encoding="utf-8"?>
<ds:datastoreItem xmlns:ds="http://schemas.openxmlformats.org/officeDocument/2006/customXml" ds:itemID="{3227AEDB-1A62-4247-9C8B-826584BE9AAA}">
  <ds:schemaRefs/>
</ds:datastoreItem>
</file>

<file path=customXml/itemProps9.xml><?xml version="1.0" encoding="utf-8"?>
<ds:datastoreItem xmlns:ds="http://schemas.openxmlformats.org/officeDocument/2006/customXml" ds:itemID="{98157EE5-39DD-4AD9-80E2-42D30877C432}">
  <ds:schemaRefs/>
</ds:datastoreItem>
</file>

<file path=docProps/app.xml><?xml version="1.0" encoding="utf-8"?>
<Properties xmlns="http://schemas.openxmlformats.org/officeDocument/2006/extended-properties" xmlns:vt="http://schemas.openxmlformats.org/officeDocument/2006/docPropsVTypes">
  <Template/>
  <TotalTime>0</TotalTime>
  <Words>712</Words>
  <Application>Microsoft Office PowerPoint</Application>
  <PresentationFormat>Brugerdefineret</PresentationFormat>
  <Paragraphs>140</Paragraphs>
  <Slides>18</Slides>
  <Notes>10</Notes>
  <HiddenSlides>0</HiddenSlides>
  <MMClips>1</MMClips>
  <ScaleCrop>false</ScaleCrop>
  <HeadingPairs>
    <vt:vector size="6" baseType="variant">
      <vt:variant>
        <vt:lpstr>Benyttede skrifttyper</vt:lpstr>
      </vt:variant>
      <vt:variant>
        <vt:i4>6</vt:i4>
      </vt:variant>
      <vt:variant>
        <vt:lpstr>Tema</vt:lpstr>
      </vt:variant>
      <vt:variant>
        <vt:i4>1</vt:i4>
      </vt:variant>
      <vt:variant>
        <vt:lpstr>Slidetitler</vt:lpstr>
      </vt:variant>
      <vt:variant>
        <vt:i4>18</vt:i4>
      </vt:variant>
    </vt:vector>
  </HeadingPairs>
  <TitlesOfParts>
    <vt:vector size="25" baseType="lpstr">
      <vt:lpstr>Arial</vt:lpstr>
      <vt:lpstr>Calibri</vt:lpstr>
      <vt:lpstr>Open Sans</vt:lpstr>
      <vt:lpstr>Open Sans Light</vt:lpstr>
      <vt:lpstr>Segoe UI Semibold</vt:lpstr>
      <vt:lpstr>Segoe UI Semilight</vt:lpstr>
      <vt:lpstr>Teknologisk Institut</vt:lpstr>
      <vt:lpstr>Digitale kompetencer, profiler og læring   Møde i aftagerpanelet på DPU Aarhus Universitetan, 7. marts 2022 Martin Grønbæk Jensen</vt:lpstr>
      <vt:lpstr>PowerPoint-præsentation</vt:lpstr>
      <vt:lpstr>PowerPoint-præsentation</vt:lpstr>
      <vt:lpstr>PowerPoint-præsentation</vt:lpstr>
      <vt:lpstr>Digitale kompetencer  Flere forskellige defintioner og begreber  </vt:lpstr>
      <vt:lpstr>Digitale kompetencer</vt:lpstr>
      <vt:lpstr>World Economic Forum &amp;  4. industrielle revolution</vt:lpstr>
      <vt:lpstr>Teknologiforståelse </vt:lpstr>
      <vt:lpstr>Computational thinking som et sæt af kompetencer</vt:lpstr>
      <vt:lpstr>Læringselementer i  Machine learning</vt:lpstr>
      <vt:lpstr>Digitale profiler og digitale job  </vt:lpstr>
      <vt:lpstr>PowerPoint-præsentation</vt:lpstr>
      <vt:lpstr>Digitale kompetencer handler om mere end IT</vt:lpstr>
      <vt:lpstr>PowerPoint-præsentation</vt:lpstr>
      <vt:lpstr>PowerPoint-præsentation</vt:lpstr>
      <vt:lpstr>Kan man lære digitale kompetencer?  </vt:lpstr>
      <vt:lpstr>Hvad?  Hvem?  Hvor?  Hvordan?   </vt:lpstr>
      <vt:lpstr>DPU’s uddannelser:BA, kandidat, master og kurser  Hvad, Hvem, Hvor og Hvordan?  </vt:lpstr>
    </vt:vector>
  </TitlesOfParts>
  <Manager/>
  <Company/>
  <LinksUpToDate>false</LinksUpToDate>
  <SharedDoc>false</SharedDoc>
  <HyperlinkBase/>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subject/>
  <dc:creator/>
  <cp:keywords/>
  <dc:description/>
  <cp:lastModifiedBy/>
  <cp:revision>1</cp:revision>
  <dcterms:created xsi:type="dcterms:W3CDTF">2018-12-19T10:41:38Z</dcterms:created>
  <dcterms:modified xsi:type="dcterms:W3CDTF">2022-03-08T09:35:12Z</dcterms:modified>
  <cp:category/>
</cp:coreProperties>
</file>

<file path=docProps/custom.xml><?xml version="1.0" encoding="utf-8"?>
<Properties xmlns="http://schemas.openxmlformats.org/officeDocument/2006/custom-properties" xmlns:vt="http://schemas.openxmlformats.org/officeDocument/2006/docPropsVTypes">
  <property fmtid="{D5CDD505-2E9C-101B-9397-08002B2CF9AE}" pid="2" name="DocumentInfoFinished">
    <vt:lpwstr>True</vt:lpwstr>
  </property>
  <property fmtid="{D5CDD505-2E9C-101B-9397-08002B2CF9AE}" pid="3" name="TemplafyTimeStamp">
    <vt:lpwstr>2019-11-21T10:41:35.2385334</vt:lpwstr>
  </property>
  <property fmtid="{D5CDD505-2E9C-101B-9397-08002B2CF9AE}" pid="4" name="TemplafyTenantId">
    <vt:lpwstr>teknologisk</vt:lpwstr>
  </property>
  <property fmtid="{D5CDD505-2E9C-101B-9397-08002B2CF9AE}" pid="5" name="TemplafyTemplateId">
    <vt:lpwstr>637099303529735377</vt:lpwstr>
  </property>
  <property fmtid="{D5CDD505-2E9C-101B-9397-08002B2CF9AE}" pid="6" name="TemplafyUserProfileId">
    <vt:lpwstr>637733555148337947</vt:lpwstr>
  </property>
</Properties>
</file>